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482\Desktop\"/>
    </mc:Choice>
  </mc:AlternateContent>
  <bookViews>
    <workbookView xWindow="0" yWindow="0" windowWidth="28800" windowHeight="12210"/>
  </bookViews>
  <sheets>
    <sheet name="1ページ" sheetId="3" r:id="rId1"/>
    <sheet name="2ページ以降はこの表をコピー" sheetId="2" r:id="rId2"/>
  </sheets>
  <definedNames>
    <definedName name="_xlnm.Print_Area" localSheetId="0">'1ページ'!$A$1:$P$62</definedName>
    <definedName name="_xlnm.Print_Area" localSheetId="1">'2ページ以降はこの表をコピー'!$A$1:$P$53</definedName>
  </definedNames>
  <calcPr calcId="145621"/>
</workbook>
</file>

<file path=xl/sharedStrings.xml><?xml version="1.0" encoding="utf-8"?>
<sst xmlns="http://schemas.openxmlformats.org/spreadsheetml/2006/main" count="698" uniqueCount="30">
  <si>
    <t>朝（午前中）</t>
    <rPh sb="0" eb="1">
      <t>アサ</t>
    </rPh>
    <rPh sb="2" eb="5">
      <t>ゴゼンチュウ</t>
    </rPh>
    <phoneticPr fontId="1"/>
  </si>
  <si>
    <t>夕（午後）</t>
    <rPh sb="0" eb="1">
      <t>ユウ</t>
    </rPh>
    <rPh sb="2" eb="4">
      <t>ゴゴ</t>
    </rPh>
    <phoneticPr fontId="1"/>
  </si>
  <si>
    <t>あり</t>
    <phoneticPr fontId="1"/>
  </si>
  <si>
    <t>咽頭痛</t>
    <rPh sb="0" eb="2">
      <t>イントウ</t>
    </rPh>
    <rPh sb="2" eb="3">
      <t>イタ</t>
    </rPh>
    <phoneticPr fontId="1"/>
  </si>
  <si>
    <t>頭痛</t>
    <rPh sb="0" eb="2">
      <t>ズツウ</t>
    </rPh>
    <phoneticPr fontId="1"/>
  </si>
  <si>
    <t xml:space="preserve">   　  月　 　 日（　　）</t>
    <rPh sb="6" eb="7">
      <t>ガツ</t>
    </rPh>
    <rPh sb="11" eb="12">
      <t>ニチ</t>
    </rPh>
    <phoneticPr fontId="1"/>
  </si>
  <si>
    <t>下痢（　　　　回）</t>
    <rPh sb="0" eb="2">
      <t>ゲリ</t>
    </rPh>
    <rPh sb="7" eb="8">
      <t>カイ</t>
    </rPh>
    <phoneticPr fontId="1"/>
  </si>
  <si>
    <t>吐き気</t>
    <rPh sb="0" eb="1">
      <t>ハ</t>
    </rPh>
    <rPh sb="2" eb="3">
      <t>ケ</t>
    </rPh>
    <phoneticPr fontId="1"/>
  </si>
  <si>
    <t>腹痛</t>
    <rPh sb="0" eb="2">
      <t>フクツウ</t>
    </rPh>
    <phoneticPr fontId="1"/>
  </si>
  <si>
    <t>関節・筋肉痛</t>
    <rPh sb="0" eb="2">
      <t>カンセツ</t>
    </rPh>
    <rPh sb="3" eb="6">
      <t>キンニクツウ</t>
    </rPh>
    <phoneticPr fontId="1"/>
  </si>
  <si>
    <t>だるさ</t>
    <phoneticPr fontId="1"/>
  </si>
  <si>
    <t>体温             　　℃</t>
    <rPh sb="0" eb="2">
      <t>タイオン</t>
    </rPh>
    <phoneticPr fontId="1"/>
  </si>
  <si>
    <t>息苦しさ</t>
    <rPh sb="0" eb="2">
      <t>イキグル</t>
    </rPh>
    <phoneticPr fontId="1"/>
  </si>
  <si>
    <t>咳・くしゃみ</t>
    <phoneticPr fontId="1"/>
  </si>
  <si>
    <t>連絡先電話番号</t>
    <rPh sb="0" eb="3">
      <t>レンラクサキ</t>
    </rPh>
    <rPh sb="3" eb="5">
      <t>デンワ</t>
    </rPh>
    <rPh sb="5" eb="7">
      <t>バンゴウ</t>
    </rPh>
    <phoneticPr fontId="1"/>
  </si>
  <si>
    <t>個人番号</t>
    <rPh sb="0" eb="2">
      <t>コジン</t>
    </rPh>
    <rPh sb="2" eb="4">
      <t>バンゴウ</t>
    </rPh>
    <phoneticPr fontId="1"/>
  </si>
  <si>
    <t>所    属</t>
    <rPh sb="0" eb="1">
      <t>トコロ</t>
    </rPh>
    <rPh sb="5" eb="6">
      <t>ゾク</t>
    </rPh>
    <phoneticPr fontId="1"/>
  </si>
  <si>
    <t>氏      名</t>
    <rPh sb="0" eb="1">
      <t>シ</t>
    </rPh>
    <rPh sb="7" eb="8">
      <t>ナ</t>
    </rPh>
    <phoneticPr fontId="1"/>
  </si>
  <si>
    <t>　　　　　　　印</t>
    <rPh sb="7" eb="8">
      <t>イン</t>
    </rPh>
    <phoneticPr fontId="1"/>
  </si>
  <si>
    <t>おう吐（　　　　回）</t>
    <rPh sb="2" eb="3">
      <t>ト</t>
    </rPh>
    <rPh sb="8" eb="9">
      <t>カイ</t>
    </rPh>
    <phoneticPr fontId="1"/>
  </si>
  <si>
    <t>人事課　受付印</t>
    <rPh sb="0" eb="3">
      <t>ジンジカ</t>
    </rPh>
    <rPh sb="4" eb="7">
      <t>ウケツケイン</t>
    </rPh>
    <phoneticPr fontId="1"/>
  </si>
  <si>
    <t>保健センター　受付印</t>
    <rPh sb="0" eb="2">
      <t>ホケン</t>
    </rPh>
    <rPh sb="7" eb="10">
      <t>ウケツケイン</t>
    </rPh>
    <phoneticPr fontId="1"/>
  </si>
  <si>
    <t>　学科/部課室　　　　　</t>
    <rPh sb="1" eb="3">
      <t>ガッカ</t>
    </rPh>
    <rPh sb="4" eb="5">
      <t>ブ</t>
    </rPh>
    <rPh sb="5" eb="7">
      <t>カシツ</t>
    </rPh>
    <phoneticPr fontId="1"/>
  </si>
  <si>
    <t>　医療機関名</t>
    <rPh sb="1" eb="3">
      <t>イリョウ</t>
    </rPh>
    <rPh sb="3" eb="5">
      <t>キカン</t>
    </rPh>
    <rPh sb="5" eb="6">
      <t>メイ</t>
    </rPh>
    <phoneticPr fontId="1"/>
  </si>
  <si>
    <t>　医師氏名</t>
    <rPh sb="1" eb="3">
      <t>イシ</t>
    </rPh>
    <rPh sb="3" eb="5">
      <t>シメイ</t>
    </rPh>
    <phoneticPr fontId="1"/>
  </si>
  <si>
    <t>○ 必ず体温測定・記録し、症状がある項目の欄に✔をつけてください。　　　　　　　　　　　　　　　　　</t>
    <rPh sb="2" eb="3">
      <t>カナラ</t>
    </rPh>
    <rPh sb="4" eb="6">
      <t>タイオン</t>
    </rPh>
    <rPh sb="6" eb="8">
      <t>ソクテイ</t>
    </rPh>
    <rPh sb="9" eb="11">
      <t>キロク</t>
    </rPh>
    <rPh sb="13" eb="15">
      <t>ショウジョウ</t>
    </rPh>
    <rPh sb="18" eb="20">
      <t>コウモク</t>
    </rPh>
    <rPh sb="21" eb="22">
      <t>ラン</t>
    </rPh>
    <phoneticPr fontId="1"/>
  </si>
  <si>
    <t>体　調　観　察　表　&lt;教職員専用＞</t>
    <rPh sb="0" eb="1">
      <t>カラダ</t>
    </rPh>
    <rPh sb="2" eb="3">
      <t>チョウ</t>
    </rPh>
    <rPh sb="4" eb="5">
      <t>カン</t>
    </rPh>
    <rPh sb="6" eb="7">
      <t>サッ</t>
    </rPh>
    <rPh sb="8" eb="9">
      <t>ヒョウ</t>
    </rPh>
    <rPh sb="11" eb="14">
      <t>キョウショクイン</t>
    </rPh>
    <rPh sb="14" eb="16">
      <t>センヨウ</t>
    </rPh>
    <phoneticPr fontId="1"/>
  </si>
  <si>
    <r>
      <t>　教員</t>
    </r>
    <r>
      <rPr>
        <sz val="16"/>
        <rFont val="ＭＳ Ｐ明朝"/>
        <family val="1"/>
        <charset val="128"/>
      </rPr>
      <t xml:space="preserve"> 　</t>
    </r>
    <r>
      <rPr>
        <b/>
        <sz val="15"/>
        <rFont val="ＭＳ Ｐ明朝"/>
        <family val="1"/>
        <charset val="128"/>
      </rPr>
      <t>(　専　任　・　特　任　・　非常勤　）　　</t>
    </r>
    <r>
      <rPr>
        <b/>
        <sz val="16"/>
        <rFont val="ＭＳ Ｐ明朝"/>
        <family val="1"/>
        <charset val="128"/>
      </rPr>
      <t>職　員　</t>
    </r>
    <r>
      <rPr>
        <b/>
        <sz val="15"/>
        <rFont val="ＭＳ Ｐ明朝"/>
        <family val="1"/>
        <charset val="128"/>
      </rPr>
      <t>(　専　任　・　嘱　託　・　臨　時　）</t>
    </r>
    <rPh sb="1" eb="3">
      <t>キョウイン</t>
    </rPh>
    <rPh sb="7" eb="8">
      <t>セン</t>
    </rPh>
    <rPh sb="9" eb="10">
      <t>ニン</t>
    </rPh>
    <rPh sb="13" eb="14">
      <t>トク</t>
    </rPh>
    <rPh sb="15" eb="16">
      <t>ニン</t>
    </rPh>
    <rPh sb="19" eb="20">
      <t>ヒ</t>
    </rPh>
    <rPh sb="20" eb="21">
      <t>ツネ</t>
    </rPh>
    <rPh sb="21" eb="22">
      <t>ツトム</t>
    </rPh>
    <rPh sb="26" eb="27">
      <t>ショク</t>
    </rPh>
    <rPh sb="28" eb="29">
      <t>イン</t>
    </rPh>
    <rPh sb="38" eb="39">
      <t>ショク</t>
    </rPh>
    <rPh sb="40" eb="41">
      <t>タク</t>
    </rPh>
    <rPh sb="44" eb="45">
      <t>リン</t>
    </rPh>
    <rPh sb="46" eb="47">
      <t>トキ</t>
    </rPh>
    <phoneticPr fontId="1"/>
  </si>
  <si>
    <t>出勤停止期間（大学または医療機関が記載すること）　　　　　　　　年　　　　月　　　　日　　　　～　　　　　　年　　　　月　　　　日</t>
    <rPh sb="0" eb="2">
      <t>シュッキン</t>
    </rPh>
    <rPh sb="2" eb="4">
      <t>テイシ</t>
    </rPh>
    <rPh sb="4" eb="6">
      <t>キカン</t>
    </rPh>
    <rPh sb="7" eb="9">
      <t>ダイガク</t>
    </rPh>
    <rPh sb="12" eb="14">
      <t>イリョウ</t>
    </rPh>
    <rPh sb="14" eb="16">
      <t>キカン</t>
    </rPh>
    <rPh sb="17" eb="19">
      <t>キサイ</t>
    </rPh>
    <rPh sb="32" eb="33">
      <t>ネン</t>
    </rPh>
    <rPh sb="37" eb="38">
      <t>ツキ</t>
    </rPh>
    <rPh sb="42" eb="43">
      <t>ヒ</t>
    </rPh>
    <rPh sb="54" eb="55">
      <t>ネン</t>
    </rPh>
    <rPh sb="59" eb="60">
      <t>ツキ</t>
    </rPh>
    <rPh sb="64" eb="65">
      <t>ヒ</t>
    </rPh>
    <phoneticPr fontId="1"/>
  </si>
  <si>
    <r>
      <t>下記の医療機関欄は、大学HPのコロナに関するお知らせ関連PDF「コロナウィルスに感染に関する特別休暇の取扱い」の「感染者等の対応フロー」に従い、</t>
    </r>
    <r>
      <rPr>
        <b/>
        <sz val="11"/>
        <rFont val="ＭＳ Ｐ明朝"/>
        <family val="1"/>
        <charset val="128"/>
      </rPr>
      <t>受診した場合には医療機関名を記入してもらってください。</t>
    </r>
    <rPh sb="0" eb="2">
      <t>カキ</t>
    </rPh>
    <rPh sb="3" eb="5">
      <t>イリョウ</t>
    </rPh>
    <rPh sb="5" eb="7">
      <t>キカン</t>
    </rPh>
    <rPh sb="7" eb="8">
      <t>ラン</t>
    </rPh>
    <rPh sb="10" eb="12">
      <t>ダイガク</t>
    </rPh>
    <rPh sb="19" eb="20">
      <t>カン</t>
    </rPh>
    <rPh sb="23" eb="24">
      <t>シ</t>
    </rPh>
    <rPh sb="26" eb="28">
      <t>カンレン</t>
    </rPh>
    <rPh sb="40" eb="42">
      <t>カンセン</t>
    </rPh>
    <rPh sb="43" eb="44">
      <t>カン</t>
    </rPh>
    <rPh sb="46" eb="48">
      <t>トクベツ</t>
    </rPh>
    <rPh sb="48" eb="50">
      <t>キュウカ</t>
    </rPh>
    <rPh sb="51" eb="53">
      <t>トリアツカイ</t>
    </rPh>
    <rPh sb="57" eb="60">
      <t>カンセンシャ</t>
    </rPh>
    <rPh sb="60" eb="61">
      <t>トウ</t>
    </rPh>
    <rPh sb="62" eb="64">
      <t>タイオウ</t>
    </rPh>
    <rPh sb="69" eb="70">
      <t>シタガ</t>
    </rPh>
    <rPh sb="72" eb="74">
      <t>ジュシン</t>
    </rPh>
    <rPh sb="76" eb="78">
      <t>バアイ</t>
    </rPh>
    <rPh sb="80" eb="82">
      <t>イリョウ</t>
    </rPh>
    <rPh sb="82" eb="84">
      <t>キカン</t>
    </rPh>
    <rPh sb="84" eb="85">
      <t>メイ</t>
    </rPh>
    <rPh sb="86" eb="88">
      <t>キニュ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m&quot;月&quot;d&quot;日&quot;;@"/>
  </numFmts>
  <fonts count="1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b/>
      <sz val="18"/>
      <name val="ＭＳ Ｐ明朝"/>
      <family val="1"/>
      <charset val="128"/>
    </font>
    <font>
      <b/>
      <sz val="9"/>
      <name val="ＭＳ Ｐ明朝"/>
      <family val="1"/>
      <charset val="128"/>
    </font>
    <font>
      <sz val="14"/>
      <name val="ＭＳ Ｐ明朝"/>
      <family val="1"/>
      <charset val="128"/>
    </font>
    <font>
      <b/>
      <sz val="24"/>
      <name val="ＭＳ Ｐ明朝"/>
      <family val="1"/>
      <charset val="128"/>
    </font>
    <font>
      <sz val="12"/>
      <name val="ＭＳ Ｐ明朝"/>
      <family val="1"/>
      <charset val="128"/>
    </font>
    <font>
      <b/>
      <sz val="16"/>
      <name val="ＭＳ Ｐ明朝"/>
      <family val="1"/>
      <charset val="128"/>
    </font>
    <font>
      <sz val="16"/>
      <name val="ＭＳ Ｐ明朝"/>
      <family val="1"/>
      <charset val="128"/>
    </font>
    <font>
      <b/>
      <sz val="15"/>
      <name val="ＭＳ Ｐ明朝"/>
      <family val="1"/>
      <charset val="128"/>
    </font>
    <font>
      <b/>
      <sz val="12"/>
      <name val="ＭＳ Ｐゴシック"/>
      <family val="3"/>
      <charset val="128"/>
    </font>
    <font>
      <b/>
      <sz val="11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Border="1">
      <alignment vertical="center"/>
    </xf>
    <xf numFmtId="0" fontId="6" fillId="0" borderId="1" xfId="0" applyFont="1" applyBorder="1">
      <alignment vertical="center"/>
    </xf>
    <xf numFmtId="56" fontId="6" fillId="0" borderId="2" xfId="0" applyNumberFormat="1" applyFont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6" fillId="0" borderId="3" xfId="0" applyFont="1" applyBorder="1" applyAlignment="1">
      <alignment horizontal="right" vertical="center"/>
    </xf>
    <xf numFmtId="0" fontId="5" fillId="0" borderId="4" xfId="0" applyFont="1" applyBorder="1" applyAlignment="1">
      <alignment horizontal="right" vertical="center"/>
    </xf>
    <xf numFmtId="0" fontId="6" fillId="0" borderId="5" xfId="0" applyFont="1" applyBorder="1" applyAlignment="1">
      <alignment horizontal="left" vertical="center"/>
    </xf>
    <xf numFmtId="0" fontId="5" fillId="0" borderId="6" xfId="0" applyFont="1" applyBorder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 vertical="center" textRotation="255"/>
    </xf>
    <xf numFmtId="0" fontId="5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6" fillId="0" borderId="6" xfId="0" applyFont="1" applyBorder="1" applyAlignment="1">
      <alignment horizontal="left" vertical="center"/>
    </xf>
    <xf numFmtId="0" fontId="6" fillId="0" borderId="4" xfId="0" applyFont="1" applyBorder="1" applyAlignment="1">
      <alignment horizontal="right" vertical="center"/>
    </xf>
    <xf numFmtId="0" fontId="5" fillId="0" borderId="7" xfId="0" applyFont="1" applyBorder="1" applyAlignment="1">
      <alignment horizontal="left" vertical="center"/>
    </xf>
    <xf numFmtId="0" fontId="5" fillId="0" borderId="8" xfId="0" applyFont="1" applyBorder="1" applyAlignment="1">
      <alignment horizontal="right" vertical="center"/>
    </xf>
    <xf numFmtId="56" fontId="5" fillId="0" borderId="9" xfId="0" applyNumberFormat="1" applyFont="1" applyBorder="1" applyAlignment="1">
      <alignment horizontal="center" vertical="center"/>
    </xf>
    <xf numFmtId="0" fontId="4" fillId="0" borderId="0" xfId="0" applyFont="1" applyBorder="1" applyAlignment="1">
      <alignment horizontal="left" vertical="center" wrapText="1"/>
    </xf>
    <xf numFmtId="0" fontId="4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11" xfId="0" applyFont="1" applyBorder="1">
      <alignment vertical="center"/>
    </xf>
    <xf numFmtId="0" fontId="6" fillId="0" borderId="10" xfId="0" applyFont="1" applyBorder="1" applyAlignment="1">
      <alignment vertical="top"/>
    </xf>
    <xf numFmtId="0" fontId="6" fillId="0" borderId="13" xfId="0" applyFont="1" applyBorder="1" applyAlignment="1">
      <alignment vertical="top"/>
    </xf>
    <xf numFmtId="0" fontId="6" fillId="0" borderId="27" xfId="0" applyFont="1" applyBorder="1" applyAlignment="1">
      <alignment vertical="top"/>
    </xf>
    <xf numFmtId="0" fontId="3" fillId="0" borderId="28" xfId="0" applyFont="1" applyBorder="1">
      <alignment vertical="center"/>
    </xf>
    <xf numFmtId="0" fontId="6" fillId="0" borderId="29" xfId="0" applyFont="1" applyBorder="1" applyAlignment="1">
      <alignment vertical="top"/>
    </xf>
    <xf numFmtId="0" fontId="6" fillId="0" borderId="30" xfId="0" applyFont="1" applyBorder="1" applyAlignment="1">
      <alignment vertical="top"/>
    </xf>
    <xf numFmtId="0" fontId="6" fillId="0" borderId="31" xfId="0" applyFont="1" applyBorder="1" applyAlignment="1">
      <alignment vertical="top"/>
    </xf>
    <xf numFmtId="0" fontId="3" fillId="0" borderId="32" xfId="0" applyFont="1" applyBorder="1" applyAlignment="1">
      <alignment vertical="center"/>
    </xf>
    <xf numFmtId="0" fontId="3" fillId="0" borderId="32" xfId="0" applyFont="1" applyBorder="1">
      <alignment vertical="center"/>
    </xf>
    <xf numFmtId="0" fontId="3" fillId="0" borderId="32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31" xfId="0" applyFont="1" applyBorder="1" applyAlignment="1">
      <alignment horizontal="left" vertical="center"/>
    </xf>
    <xf numFmtId="0" fontId="3" fillId="0" borderId="32" xfId="0" applyFont="1" applyBorder="1" applyAlignment="1">
      <alignment horizontal="left" vertical="center"/>
    </xf>
    <xf numFmtId="0" fontId="4" fillId="0" borderId="0" xfId="0" applyFont="1" applyBorder="1" applyAlignment="1">
      <alignment horizontal="right" vertical="center"/>
    </xf>
    <xf numFmtId="0" fontId="4" fillId="0" borderId="28" xfId="0" applyFont="1" applyBorder="1" applyAlignment="1">
      <alignment horizontal="right" vertical="center"/>
    </xf>
    <xf numFmtId="14" fontId="4" fillId="0" borderId="32" xfId="0" applyNumberFormat="1" applyFont="1" applyBorder="1" applyAlignment="1">
      <alignment horizontal="right" vertical="center"/>
    </xf>
    <xf numFmtId="14" fontId="4" fillId="0" borderId="33" xfId="0" applyNumberFormat="1" applyFont="1" applyBorder="1" applyAlignment="1">
      <alignment horizontal="right" vertical="center"/>
    </xf>
    <xf numFmtId="176" fontId="8" fillId="2" borderId="16" xfId="0" applyNumberFormat="1" applyFont="1" applyFill="1" applyBorder="1" applyAlignment="1">
      <alignment horizontal="left" vertical="center"/>
    </xf>
    <xf numFmtId="176" fontId="8" fillId="2" borderId="15" xfId="0" applyNumberFormat="1" applyFont="1" applyFill="1" applyBorder="1" applyAlignment="1">
      <alignment horizontal="left" vertical="center"/>
    </xf>
    <xf numFmtId="0" fontId="6" fillId="0" borderId="0" xfId="0" applyFont="1" applyAlignment="1">
      <alignment horizontal="right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12" xfId="0" applyFont="1" applyBorder="1" applyAlignment="1">
      <alignment horizontal="left" vertical="top" wrapText="1"/>
    </xf>
    <xf numFmtId="0" fontId="3" fillId="0" borderId="11" xfId="0" applyFont="1" applyBorder="1" applyAlignment="1">
      <alignment horizontal="left" vertical="top" wrapText="1"/>
    </xf>
    <xf numFmtId="0" fontId="3" fillId="0" borderId="34" xfId="0" applyFont="1" applyBorder="1" applyAlignment="1">
      <alignment horizontal="left" vertical="top" wrapText="1"/>
    </xf>
    <xf numFmtId="0" fontId="3" fillId="0" borderId="10" xfId="0" applyFont="1" applyBorder="1" applyAlignment="1">
      <alignment horizontal="left" vertical="top"/>
    </xf>
    <xf numFmtId="0" fontId="3" fillId="0" borderId="0" xfId="0" applyFont="1" applyBorder="1" applyAlignment="1">
      <alignment horizontal="left" vertical="top"/>
    </xf>
    <xf numFmtId="0" fontId="6" fillId="0" borderId="17" xfId="0" applyFont="1" applyBorder="1" applyAlignment="1">
      <alignment horizontal="center" vertical="center" textRotation="255"/>
    </xf>
    <xf numFmtId="0" fontId="6" fillId="0" borderId="18" xfId="0" applyFont="1" applyBorder="1" applyAlignment="1">
      <alignment horizontal="center" vertical="center" textRotation="255"/>
    </xf>
    <xf numFmtId="0" fontId="6" fillId="0" borderId="19" xfId="0" applyFont="1" applyBorder="1" applyAlignment="1">
      <alignment horizontal="center" vertical="center" textRotation="255"/>
    </xf>
    <xf numFmtId="0" fontId="11" fillId="0" borderId="1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15" fillId="0" borderId="0" xfId="0" applyFont="1" applyBorder="1" applyAlignment="1">
      <alignment horizontal="center" vertical="center" wrapText="1"/>
    </xf>
    <xf numFmtId="0" fontId="15" fillId="0" borderId="11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2" fillId="0" borderId="20" xfId="0" applyFont="1" applyBorder="1" applyAlignment="1">
      <alignment horizontal="center" vertical="center"/>
    </xf>
    <xf numFmtId="0" fontId="12" fillId="0" borderId="9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horizontal="left" vertical="center"/>
    </xf>
    <xf numFmtId="0" fontId="12" fillId="0" borderId="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510540</xdr:colOff>
      <xdr:row>0</xdr:row>
      <xdr:rowOff>45720</xdr:rowOff>
    </xdr:from>
    <xdr:to>
      <xdr:col>16</xdr:col>
      <xdr:colOff>60960</xdr:colOff>
      <xdr:row>2</xdr:row>
      <xdr:rowOff>68580</xdr:rowOff>
    </xdr:to>
    <xdr:sp macro="" textlink="">
      <xdr:nvSpPr>
        <xdr:cNvPr id="2" name="テキスト ボックス 1"/>
        <xdr:cNvSpPr txBox="1"/>
      </xdr:nvSpPr>
      <xdr:spPr>
        <a:xfrm>
          <a:off x="8481060" y="45720"/>
          <a:ext cx="815340" cy="51816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獨協大学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2020/3/11</a:t>
          </a:r>
          <a:endParaRPr kumimoji="1" lang="ja-JP" altLang="en-US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510540</xdr:colOff>
      <xdr:row>0</xdr:row>
      <xdr:rowOff>45720</xdr:rowOff>
    </xdr:from>
    <xdr:to>
      <xdr:col>16</xdr:col>
      <xdr:colOff>60960</xdr:colOff>
      <xdr:row>3</xdr:row>
      <xdr:rowOff>68580</xdr:rowOff>
    </xdr:to>
    <xdr:sp macro="" textlink="">
      <xdr:nvSpPr>
        <xdr:cNvPr id="2" name="テキスト ボックス 1"/>
        <xdr:cNvSpPr txBox="1"/>
      </xdr:nvSpPr>
      <xdr:spPr>
        <a:xfrm>
          <a:off x="8481060" y="45720"/>
          <a:ext cx="815340" cy="51816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獨協大学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2020/3/11</a:t>
          </a:r>
          <a:endParaRPr kumimoji="1" lang="ja-JP" altLang="en-US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V62"/>
  <sheetViews>
    <sheetView showGridLines="0" tabSelected="1" zoomScaleNormal="100" workbookViewId="0"/>
  </sheetViews>
  <sheetFormatPr defaultColWidth="9" defaultRowHeight="13.5" x14ac:dyDescent="0.15"/>
  <cols>
    <col min="1" max="1" width="2.625" style="1" customWidth="1"/>
    <col min="2" max="2" width="4" style="1" customWidth="1"/>
    <col min="3" max="3" width="14.875" style="1" customWidth="1"/>
    <col min="4" max="4" width="3.375" style="1" customWidth="1"/>
    <col min="5" max="5" width="14.875" style="1" customWidth="1"/>
    <col min="6" max="6" width="3.375" style="1" customWidth="1"/>
    <col min="7" max="7" width="14.875" style="1" customWidth="1"/>
    <col min="8" max="8" width="3.375" style="1" customWidth="1"/>
    <col min="9" max="9" width="14.875" style="1" customWidth="1"/>
    <col min="10" max="10" width="3.375" style="1" customWidth="1"/>
    <col min="11" max="11" width="15.125" style="1" customWidth="1"/>
    <col min="12" max="12" width="3.375" style="1" customWidth="1"/>
    <col min="13" max="13" width="14.875" style="1" customWidth="1"/>
    <col min="14" max="14" width="3.375" style="1" customWidth="1"/>
    <col min="15" max="15" width="15.125" style="1" customWidth="1"/>
    <col min="16" max="16" width="3.375" style="1" customWidth="1"/>
    <col min="17" max="17" width="15.125" style="1" customWidth="1"/>
    <col min="18" max="18" width="15.5" style="1" customWidth="1"/>
    <col min="19" max="19" width="15.75" style="1" customWidth="1"/>
    <col min="20" max="16384" width="9" style="1"/>
  </cols>
  <sheetData>
    <row r="1" spans="2:22" ht="29.45" customHeight="1" x14ac:dyDescent="0.15">
      <c r="B1" s="62" t="s">
        <v>26</v>
      </c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</row>
    <row r="2" spans="2:22" ht="9.6" customHeight="1" x14ac:dyDescent="0.15">
      <c r="C2" s="20"/>
      <c r="D2" s="20"/>
      <c r="E2" s="20"/>
      <c r="F2" s="20"/>
      <c r="G2" s="20"/>
      <c r="H2" s="20"/>
      <c r="J2" s="2"/>
      <c r="K2" s="2"/>
      <c r="L2" s="2"/>
      <c r="M2" s="2"/>
      <c r="N2" s="2"/>
      <c r="O2" s="2"/>
      <c r="P2" s="10"/>
      <c r="Q2" s="2"/>
      <c r="R2" s="2"/>
      <c r="S2" s="2"/>
      <c r="T2" s="2"/>
      <c r="U2" s="2"/>
      <c r="V2" s="2"/>
    </row>
    <row r="3" spans="2:22" ht="25.15" customHeight="1" x14ac:dyDescent="0.15">
      <c r="B3" s="63" t="s">
        <v>27</v>
      </c>
      <c r="C3" s="64"/>
      <c r="D3" s="64"/>
      <c r="E3" s="64"/>
      <c r="F3" s="64"/>
      <c r="G3" s="64"/>
      <c r="H3" s="64"/>
      <c r="I3" s="64"/>
      <c r="J3" s="64"/>
      <c r="K3" s="64"/>
      <c r="L3" s="64"/>
      <c r="M3" s="64"/>
      <c r="N3" s="64"/>
      <c r="O3" s="65"/>
      <c r="P3" s="10"/>
      <c r="Q3" s="2"/>
      <c r="R3" s="2"/>
      <c r="S3" s="2"/>
      <c r="T3" s="2"/>
      <c r="U3" s="2"/>
      <c r="V3" s="2"/>
    </row>
    <row r="4" spans="2:22" ht="22.9" customHeight="1" x14ac:dyDescent="0.15">
      <c r="B4" s="66" t="s">
        <v>16</v>
      </c>
      <c r="C4" s="66"/>
      <c r="D4" s="67" t="s">
        <v>22</v>
      </c>
      <c r="E4" s="67"/>
      <c r="F4" s="67"/>
      <c r="G4" s="67"/>
      <c r="H4" s="67"/>
      <c r="I4" s="67"/>
      <c r="J4" s="67"/>
      <c r="K4" s="67"/>
      <c r="L4" s="67"/>
      <c r="M4" s="67"/>
      <c r="N4" s="67"/>
      <c r="O4" s="67"/>
      <c r="P4" s="10"/>
      <c r="Q4" s="2"/>
      <c r="R4" s="2"/>
      <c r="S4" s="2"/>
      <c r="T4" s="2"/>
      <c r="U4" s="2"/>
      <c r="V4" s="2"/>
    </row>
    <row r="5" spans="2:22" ht="25.15" customHeight="1" x14ac:dyDescent="0.15">
      <c r="B5" s="66" t="s">
        <v>15</v>
      </c>
      <c r="C5" s="66"/>
      <c r="D5" s="66"/>
      <c r="E5" s="66"/>
      <c r="F5" s="66"/>
      <c r="G5" s="66"/>
      <c r="H5" s="66"/>
      <c r="I5" s="59" t="s">
        <v>17</v>
      </c>
      <c r="J5" s="59"/>
      <c r="K5" s="66"/>
      <c r="L5" s="66"/>
      <c r="M5" s="66"/>
      <c r="N5" s="66"/>
      <c r="O5" s="66"/>
      <c r="P5" s="2"/>
      <c r="Q5" s="5"/>
      <c r="R5" s="5"/>
      <c r="S5" s="5"/>
      <c r="T5" s="5"/>
      <c r="U5" s="5"/>
      <c r="V5" s="5"/>
    </row>
    <row r="6" spans="2:22" ht="27" customHeight="1" x14ac:dyDescent="0.15">
      <c r="B6" s="58" t="s">
        <v>14</v>
      </c>
      <c r="C6" s="58"/>
      <c r="D6" s="59"/>
      <c r="E6" s="59"/>
      <c r="F6" s="59"/>
      <c r="G6" s="59"/>
      <c r="H6" s="59"/>
      <c r="I6" s="59"/>
      <c r="J6" s="59"/>
      <c r="K6" s="59"/>
      <c r="L6" s="59"/>
      <c r="M6" s="59"/>
      <c r="N6" s="59"/>
      <c r="O6" s="59"/>
      <c r="P6" s="2"/>
      <c r="Q6" s="5"/>
      <c r="R6" s="5"/>
      <c r="S6" s="5"/>
      <c r="T6" s="5"/>
      <c r="U6" s="5"/>
      <c r="V6" s="5"/>
    </row>
    <row r="7" spans="2:22" ht="22.9" customHeight="1" x14ac:dyDescent="0.15">
      <c r="B7" s="60" t="s">
        <v>25</v>
      </c>
      <c r="C7" s="60"/>
      <c r="D7" s="60"/>
      <c r="E7" s="60"/>
      <c r="F7" s="60"/>
      <c r="G7" s="60"/>
      <c r="H7" s="60"/>
      <c r="I7" s="61"/>
      <c r="J7" s="61"/>
      <c r="K7" s="61"/>
      <c r="L7" s="61"/>
      <c r="M7" s="61"/>
      <c r="N7" s="61"/>
      <c r="O7" s="61"/>
      <c r="P7" s="19"/>
      <c r="Q7" s="5"/>
      <c r="R7" s="5"/>
      <c r="S7" s="5"/>
      <c r="T7" s="5"/>
      <c r="U7" s="5"/>
      <c r="V7" s="5"/>
    </row>
    <row r="8" spans="2:22" ht="20.25" customHeight="1" x14ac:dyDescent="0.15">
      <c r="B8" s="3"/>
      <c r="C8" s="4" t="s">
        <v>5</v>
      </c>
      <c r="D8" s="18" t="s">
        <v>2</v>
      </c>
      <c r="E8" s="4" t="s">
        <v>5</v>
      </c>
      <c r="F8" s="18" t="s">
        <v>2</v>
      </c>
      <c r="G8" s="4" t="s">
        <v>5</v>
      </c>
      <c r="H8" s="18" t="s">
        <v>2</v>
      </c>
      <c r="I8" s="4" t="s">
        <v>5</v>
      </c>
      <c r="J8" s="18" t="s">
        <v>2</v>
      </c>
      <c r="K8" s="4" t="s">
        <v>5</v>
      </c>
      <c r="L8" s="18" t="s">
        <v>2</v>
      </c>
      <c r="M8" s="4" t="s">
        <v>5</v>
      </c>
      <c r="N8" s="18" t="s">
        <v>2</v>
      </c>
      <c r="O8" s="4" t="s">
        <v>5</v>
      </c>
      <c r="P8" s="18" t="s">
        <v>2</v>
      </c>
      <c r="Q8" s="5"/>
      <c r="R8" s="5"/>
      <c r="S8" s="5"/>
      <c r="T8" s="5"/>
      <c r="U8" s="5"/>
      <c r="V8" s="5"/>
    </row>
    <row r="9" spans="2:22" ht="18" customHeight="1" x14ac:dyDescent="0.15">
      <c r="B9" s="55" t="s">
        <v>0</v>
      </c>
      <c r="C9" s="41" t="s">
        <v>11</v>
      </c>
      <c r="D9" s="42"/>
      <c r="E9" s="41" t="s">
        <v>11</v>
      </c>
      <c r="F9" s="42"/>
      <c r="G9" s="41" t="s">
        <v>11</v>
      </c>
      <c r="H9" s="42"/>
      <c r="I9" s="41" t="s">
        <v>11</v>
      </c>
      <c r="J9" s="42"/>
      <c r="K9" s="41" t="s">
        <v>11</v>
      </c>
      <c r="L9" s="42"/>
      <c r="M9" s="41" t="s">
        <v>11</v>
      </c>
      <c r="N9" s="42"/>
      <c r="O9" s="41" t="s">
        <v>11</v>
      </c>
      <c r="P9" s="42"/>
      <c r="Q9" s="5"/>
      <c r="R9" s="5"/>
      <c r="S9" s="5"/>
      <c r="T9" s="5"/>
      <c r="U9" s="5"/>
      <c r="V9" s="5"/>
    </row>
    <row r="10" spans="2:22" ht="16.899999999999999" customHeight="1" x14ac:dyDescent="0.15">
      <c r="B10" s="56"/>
      <c r="C10" s="8" t="s">
        <v>9</v>
      </c>
      <c r="D10" s="6"/>
      <c r="E10" s="8" t="s">
        <v>9</v>
      </c>
      <c r="F10" s="6"/>
      <c r="G10" s="8" t="s">
        <v>9</v>
      </c>
      <c r="H10" s="6"/>
      <c r="I10" s="8" t="s">
        <v>9</v>
      </c>
      <c r="J10" s="6"/>
      <c r="K10" s="8" t="s">
        <v>9</v>
      </c>
      <c r="L10" s="6"/>
      <c r="M10" s="8" t="s">
        <v>9</v>
      </c>
      <c r="N10" s="6"/>
      <c r="O10" s="8" t="s">
        <v>9</v>
      </c>
      <c r="P10" s="6"/>
    </row>
    <row r="11" spans="2:22" ht="16.899999999999999" customHeight="1" x14ac:dyDescent="0.15">
      <c r="B11" s="56"/>
      <c r="C11" s="8" t="s">
        <v>10</v>
      </c>
      <c r="D11" s="6"/>
      <c r="E11" s="8" t="s">
        <v>10</v>
      </c>
      <c r="F11" s="6"/>
      <c r="G11" s="8" t="s">
        <v>10</v>
      </c>
      <c r="H11" s="6"/>
      <c r="I11" s="8" t="s">
        <v>10</v>
      </c>
      <c r="J11" s="6"/>
      <c r="K11" s="8" t="s">
        <v>10</v>
      </c>
      <c r="L11" s="6"/>
      <c r="M11" s="8" t="s">
        <v>10</v>
      </c>
      <c r="N11" s="6"/>
      <c r="O11" s="8" t="s">
        <v>10</v>
      </c>
      <c r="P11" s="6"/>
    </row>
    <row r="12" spans="2:22" ht="16.899999999999999" customHeight="1" x14ac:dyDescent="0.15">
      <c r="B12" s="56"/>
      <c r="C12" s="8" t="s">
        <v>4</v>
      </c>
      <c r="D12" s="6"/>
      <c r="E12" s="8" t="s">
        <v>4</v>
      </c>
      <c r="F12" s="6"/>
      <c r="G12" s="8" t="s">
        <v>4</v>
      </c>
      <c r="H12" s="6"/>
      <c r="I12" s="8" t="s">
        <v>4</v>
      </c>
      <c r="J12" s="6"/>
      <c r="K12" s="8" t="s">
        <v>4</v>
      </c>
      <c r="L12" s="6"/>
      <c r="M12" s="8" t="s">
        <v>4</v>
      </c>
      <c r="N12" s="6"/>
      <c r="O12" s="8" t="s">
        <v>4</v>
      </c>
      <c r="P12" s="6"/>
    </row>
    <row r="13" spans="2:22" ht="16.899999999999999" customHeight="1" x14ac:dyDescent="0.15">
      <c r="B13" s="56"/>
      <c r="C13" s="8" t="s">
        <v>3</v>
      </c>
      <c r="D13" s="6"/>
      <c r="E13" s="8" t="s">
        <v>3</v>
      </c>
      <c r="F13" s="6"/>
      <c r="G13" s="8" t="s">
        <v>3</v>
      </c>
      <c r="H13" s="6"/>
      <c r="I13" s="8" t="s">
        <v>3</v>
      </c>
      <c r="J13" s="6"/>
      <c r="K13" s="8" t="s">
        <v>3</v>
      </c>
      <c r="L13" s="6"/>
      <c r="M13" s="8" t="s">
        <v>3</v>
      </c>
      <c r="N13" s="6"/>
      <c r="O13" s="8" t="s">
        <v>3</v>
      </c>
      <c r="P13" s="6"/>
    </row>
    <row r="14" spans="2:22" ht="16.899999999999999" customHeight="1" x14ac:dyDescent="0.15">
      <c r="B14" s="56"/>
      <c r="C14" s="8" t="s">
        <v>12</v>
      </c>
      <c r="D14" s="6"/>
      <c r="E14" s="8" t="s">
        <v>12</v>
      </c>
      <c r="F14" s="6"/>
      <c r="G14" s="8" t="s">
        <v>12</v>
      </c>
      <c r="H14" s="6"/>
      <c r="I14" s="8" t="s">
        <v>12</v>
      </c>
      <c r="J14" s="6"/>
      <c r="K14" s="8" t="s">
        <v>12</v>
      </c>
      <c r="L14" s="6"/>
      <c r="M14" s="8" t="s">
        <v>12</v>
      </c>
      <c r="N14" s="6"/>
      <c r="O14" s="8" t="s">
        <v>12</v>
      </c>
      <c r="P14" s="6"/>
    </row>
    <row r="15" spans="2:22" ht="16.899999999999999" customHeight="1" x14ac:dyDescent="0.15">
      <c r="B15" s="56"/>
      <c r="C15" s="8" t="s">
        <v>13</v>
      </c>
      <c r="D15" s="6"/>
      <c r="E15" s="8" t="s">
        <v>13</v>
      </c>
      <c r="F15" s="6"/>
      <c r="G15" s="8" t="s">
        <v>13</v>
      </c>
      <c r="H15" s="6"/>
      <c r="I15" s="8" t="s">
        <v>13</v>
      </c>
      <c r="J15" s="6"/>
      <c r="K15" s="8" t="s">
        <v>13</v>
      </c>
      <c r="L15" s="6"/>
      <c r="M15" s="8" t="s">
        <v>13</v>
      </c>
      <c r="N15" s="6"/>
      <c r="O15" s="8" t="s">
        <v>13</v>
      </c>
      <c r="P15" s="6"/>
    </row>
    <row r="16" spans="2:22" ht="16.899999999999999" customHeight="1" x14ac:dyDescent="0.15">
      <c r="B16" s="56"/>
      <c r="C16" s="14" t="s">
        <v>7</v>
      </c>
      <c r="D16" s="15"/>
      <c r="E16" s="14" t="s">
        <v>7</v>
      </c>
      <c r="F16" s="15"/>
      <c r="G16" s="14" t="s">
        <v>7</v>
      </c>
      <c r="H16" s="15"/>
      <c r="I16" s="14" t="s">
        <v>7</v>
      </c>
      <c r="J16" s="15"/>
      <c r="K16" s="14" t="s">
        <v>7</v>
      </c>
      <c r="L16" s="15"/>
      <c r="M16" s="14" t="s">
        <v>7</v>
      </c>
      <c r="N16" s="15"/>
      <c r="O16" s="14" t="s">
        <v>7</v>
      </c>
      <c r="P16" s="15"/>
    </row>
    <row r="17" spans="2:22" ht="16.899999999999999" customHeight="1" x14ac:dyDescent="0.15">
      <c r="B17" s="56"/>
      <c r="C17" s="9" t="s">
        <v>19</v>
      </c>
      <c r="D17" s="7"/>
      <c r="E17" s="9" t="s">
        <v>19</v>
      </c>
      <c r="F17" s="7"/>
      <c r="G17" s="9" t="s">
        <v>19</v>
      </c>
      <c r="H17" s="7"/>
      <c r="I17" s="9" t="s">
        <v>19</v>
      </c>
      <c r="J17" s="7"/>
      <c r="K17" s="9" t="s">
        <v>19</v>
      </c>
      <c r="L17" s="7"/>
      <c r="M17" s="9" t="s">
        <v>19</v>
      </c>
      <c r="N17" s="7"/>
      <c r="O17" s="9" t="s">
        <v>19</v>
      </c>
      <c r="P17" s="7"/>
    </row>
    <row r="18" spans="2:22" ht="16.899999999999999" customHeight="1" x14ac:dyDescent="0.15">
      <c r="B18" s="56"/>
      <c r="C18" s="9" t="s">
        <v>8</v>
      </c>
      <c r="D18" s="7"/>
      <c r="E18" s="9" t="s">
        <v>8</v>
      </c>
      <c r="F18" s="7"/>
      <c r="G18" s="9" t="s">
        <v>8</v>
      </c>
      <c r="H18" s="7"/>
      <c r="I18" s="9" t="s">
        <v>8</v>
      </c>
      <c r="J18" s="7"/>
      <c r="K18" s="9" t="s">
        <v>8</v>
      </c>
      <c r="L18" s="7"/>
      <c r="M18" s="9" t="s">
        <v>8</v>
      </c>
      <c r="N18" s="7"/>
      <c r="O18" s="9" t="s">
        <v>8</v>
      </c>
      <c r="P18" s="7"/>
    </row>
    <row r="19" spans="2:22" ht="16.899999999999999" customHeight="1" x14ac:dyDescent="0.15">
      <c r="B19" s="57"/>
      <c r="C19" s="16" t="s">
        <v>6</v>
      </c>
      <c r="D19" s="17"/>
      <c r="E19" s="16" t="s">
        <v>6</v>
      </c>
      <c r="F19" s="17"/>
      <c r="G19" s="16" t="s">
        <v>6</v>
      </c>
      <c r="H19" s="17"/>
      <c r="I19" s="16" t="s">
        <v>6</v>
      </c>
      <c r="J19" s="17"/>
      <c r="K19" s="16" t="s">
        <v>6</v>
      </c>
      <c r="L19" s="17"/>
      <c r="M19" s="16" t="s">
        <v>6</v>
      </c>
      <c r="N19" s="17"/>
      <c r="O19" s="16" t="s">
        <v>6</v>
      </c>
      <c r="P19" s="17"/>
    </row>
    <row r="20" spans="2:22" ht="18" customHeight="1" x14ac:dyDescent="0.15">
      <c r="B20" s="55" t="s">
        <v>1</v>
      </c>
      <c r="C20" s="41" t="s">
        <v>11</v>
      </c>
      <c r="D20" s="42"/>
      <c r="E20" s="41" t="s">
        <v>11</v>
      </c>
      <c r="F20" s="42"/>
      <c r="G20" s="41" t="s">
        <v>11</v>
      </c>
      <c r="H20" s="42"/>
      <c r="I20" s="41" t="s">
        <v>11</v>
      </c>
      <c r="J20" s="42"/>
      <c r="K20" s="41" t="s">
        <v>11</v>
      </c>
      <c r="L20" s="42"/>
      <c r="M20" s="41" t="s">
        <v>11</v>
      </c>
      <c r="N20" s="42"/>
      <c r="O20" s="41" t="s">
        <v>11</v>
      </c>
      <c r="P20" s="42"/>
      <c r="Q20" s="5"/>
      <c r="R20" s="5"/>
      <c r="S20" s="5"/>
      <c r="T20" s="5"/>
      <c r="U20" s="5"/>
      <c r="V20" s="5"/>
    </row>
    <row r="21" spans="2:22" ht="16.899999999999999" customHeight="1" x14ac:dyDescent="0.15">
      <c r="B21" s="56"/>
      <c r="C21" s="8" t="s">
        <v>9</v>
      </c>
      <c r="D21" s="6"/>
      <c r="E21" s="8" t="s">
        <v>9</v>
      </c>
      <c r="F21" s="6"/>
      <c r="G21" s="8" t="s">
        <v>9</v>
      </c>
      <c r="H21" s="6"/>
      <c r="I21" s="8" t="s">
        <v>9</v>
      </c>
      <c r="J21" s="6"/>
      <c r="K21" s="8" t="s">
        <v>9</v>
      </c>
      <c r="L21" s="6"/>
      <c r="M21" s="8" t="s">
        <v>9</v>
      </c>
      <c r="N21" s="6"/>
      <c r="O21" s="8" t="s">
        <v>9</v>
      </c>
      <c r="P21" s="6"/>
    </row>
    <row r="22" spans="2:22" ht="16.899999999999999" customHeight="1" x14ac:dyDescent="0.15">
      <c r="B22" s="56"/>
      <c r="C22" s="8" t="s">
        <v>10</v>
      </c>
      <c r="D22" s="6"/>
      <c r="E22" s="8" t="s">
        <v>10</v>
      </c>
      <c r="F22" s="6"/>
      <c r="G22" s="8" t="s">
        <v>10</v>
      </c>
      <c r="H22" s="6"/>
      <c r="I22" s="8" t="s">
        <v>10</v>
      </c>
      <c r="J22" s="6"/>
      <c r="K22" s="8" t="s">
        <v>10</v>
      </c>
      <c r="L22" s="6"/>
      <c r="M22" s="8" t="s">
        <v>10</v>
      </c>
      <c r="N22" s="6"/>
      <c r="O22" s="8" t="s">
        <v>10</v>
      </c>
      <c r="P22" s="6"/>
    </row>
    <row r="23" spans="2:22" ht="16.899999999999999" customHeight="1" x14ac:dyDescent="0.15">
      <c r="B23" s="56"/>
      <c r="C23" s="8" t="s">
        <v>4</v>
      </c>
      <c r="D23" s="6"/>
      <c r="E23" s="8" t="s">
        <v>4</v>
      </c>
      <c r="F23" s="6"/>
      <c r="G23" s="8" t="s">
        <v>4</v>
      </c>
      <c r="H23" s="6"/>
      <c r="I23" s="8" t="s">
        <v>4</v>
      </c>
      <c r="J23" s="6"/>
      <c r="K23" s="8" t="s">
        <v>4</v>
      </c>
      <c r="L23" s="6"/>
      <c r="M23" s="8" t="s">
        <v>4</v>
      </c>
      <c r="N23" s="6"/>
      <c r="O23" s="8" t="s">
        <v>4</v>
      </c>
      <c r="P23" s="6"/>
    </row>
    <row r="24" spans="2:22" ht="16.899999999999999" customHeight="1" x14ac:dyDescent="0.15">
      <c r="B24" s="56"/>
      <c r="C24" s="8" t="s">
        <v>3</v>
      </c>
      <c r="D24" s="6"/>
      <c r="E24" s="8" t="s">
        <v>3</v>
      </c>
      <c r="F24" s="6"/>
      <c r="G24" s="8" t="s">
        <v>3</v>
      </c>
      <c r="H24" s="6"/>
      <c r="I24" s="8" t="s">
        <v>3</v>
      </c>
      <c r="J24" s="6"/>
      <c r="K24" s="8" t="s">
        <v>3</v>
      </c>
      <c r="L24" s="6"/>
      <c r="M24" s="8" t="s">
        <v>3</v>
      </c>
      <c r="N24" s="6"/>
      <c r="O24" s="8" t="s">
        <v>3</v>
      </c>
      <c r="P24" s="6"/>
    </row>
    <row r="25" spans="2:22" ht="16.899999999999999" customHeight="1" x14ac:dyDescent="0.15">
      <c r="B25" s="56"/>
      <c r="C25" s="8" t="s">
        <v>12</v>
      </c>
      <c r="D25" s="6"/>
      <c r="E25" s="8" t="s">
        <v>12</v>
      </c>
      <c r="F25" s="6"/>
      <c r="G25" s="8" t="s">
        <v>12</v>
      </c>
      <c r="H25" s="6"/>
      <c r="I25" s="8" t="s">
        <v>12</v>
      </c>
      <c r="J25" s="6"/>
      <c r="K25" s="8" t="s">
        <v>12</v>
      </c>
      <c r="L25" s="6"/>
      <c r="M25" s="8" t="s">
        <v>12</v>
      </c>
      <c r="N25" s="6"/>
      <c r="O25" s="8" t="s">
        <v>12</v>
      </c>
      <c r="P25" s="6"/>
    </row>
    <row r="26" spans="2:22" ht="16.899999999999999" customHeight="1" x14ac:dyDescent="0.15">
      <c r="B26" s="56"/>
      <c r="C26" s="8" t="s">
        <v>13</v>
      </c>
      <c r="D26" s="6"/>
      <c r="E26" s="8" t="s">
        <v>13</v>
      </c>
      <c r="F26" s="6"/>
      <c r="G26" s="8" t="s">
        <v>13</v>
      </c>
      <c r="H26" s="6"/>
      <c r="I26" s="8" t="s">
        <v>13</v>
      </c>
      <c r="J26" s="6"/>
      <c r="K26" s="8" t="s">
        <v>13</v>
      </c>
      <c r="L26" s="6"/>
      <c r="M26" s="8" t="s">
        <v>13</v>
      </c>
      <c r="N26" s="6"/>
      <c r="O26" s="8" t="s">
        <v>13</v>
      </c>
      <c r="P26" s="6"/>
    </row>
    <row r="27" spans="2:22" ht="16.899999999999999" customHeight="1" x14ac:dyDescent="0.15">
      <c r="B27" s="56"/>
      <c r="C27" s="14" t="s">
        <v>7</v>
      </c>
      <c r="D27" s="15"/>
      <c r="E27" s="14" t="s">
        <v>7</v>
      </c>
      <c r="F27" s="15"/>
      <c r="G27" s="14" t="s">
        <v>7</v>
      </c>
      <c r="H27" s="15"/>
      <c r="I27" s="14" t="s">
        <v>7</v>
      </c>
      <c r="J27" s="15"/>
      <c r="K27" s="14" t="s">
        <v>7</v>
      </c>
      <c r="L27" s="15"/>
      <c r="M27" s="14" t="s">
        <v>7</v>
      </c>
      <c r="N27" s="15"/>
      <c r="O27" s="14" t="s">
        <v>7</v>
      </c>
      <c r="P27" s="15"/>
    </row>
    <row r="28" spans="2:22" ht="16.899999999999999" customHeight="1" x14ac:dyDescent="0.15">
      <c r="B28" s="56"/>
      <c r="C28" s="9" t="s">
        <v>19</v>
      </c>
      <c r="D28" s="7"/>
      <c r="E28" s="9" t="s">
        <v>19</v>
      </c>
      <c r="F28" s="7"/>
      <c r="G28" s="9" t="s">
        <v>19</v>
      </c>
      <c r="H28" s="7"/>
      <c r="I28" s="9" t="s">
        <v>19</v>
      </c>
      <c r="J28" s="7"/>
      <c r="K28" s="9" t="s">
        <v>19</v>
      </c>
      <c r="L28" s="7"/>
      <c r="M28" s="9" t="s">
        <v>19</v>
      </c>
      <c r="N28" s="7"/>
      <c r="O28" s="9" t="s">
        <v>19</v>
      </c>
      <c r="P28" s="7"/>
    </row>
    <row r="29" spans="2:22" ht="16.899999999999999" customHeight="1" x14ac:dyDescent="0.15">
      <c r="B29" s="56"/>
      <c r="C29" s="9" t="s">
        <v>8</v>
      </c>
      <c r="D29" s="7"/>
      <c r="E29" s="9" t="s">
        <v>8</v>
      </c>
      <c r="F29" s="7"/>
      <c r="G29" s="9" t="s">
        <v>8</v>
      </c>
      <c r="H29" s="7"/>
      <c r="I29" s="9" t="s">
        <v>8</v>
      </c>
      <c r="J29" s="7"/>
      <c r="K29" s="9" t="s">
        <v>8</v>
      </c>
      <c r="L29" s="7"/>
      <c r="M29" s="9" t="s">
        <v>8</v>
      </c>
      <c r="N29" s="7"/>
      <c r="O29" s="9" t="s">
        <v>8</v>
      </c>
      <c r="P29" s="7"/>
    </row>
    <row r="30" spans="2:22" ht="16.899999999999999" customHeight="1" x14ac:dyDescent="0.15">
      <c r="B30" s="57"/>
      <c r="C30" s="16" t="s">
        <v>6</v>
      </c>
      <c r="D30" s="17"/>
      <c r="E30" s="16" t="s">
        <v>6</v>
      </c>
      <c r="F30" s="17"/>
      <c r="G30" s="16" t="s">
        <v>6</v>
      </c>
      <c r="H30" s="17"/>
      <c r="I30" s="16" t="s">
        <v>6</v>
      </c>
      <c r="J30" s="17"/>
      <c r="K30" s="16" t="s">
        <v>6</v>
      </c>
      <c r="L30" s="17"/>
      <c r="M30" s="16" t="s">
        <v>6</v>
      </c>
      <c r="N30" s="17"/>
      <c r="O30" s="16" t="s">
        <v>6</v>
      </c>
      <c r="P30" s="17"/>
    </row>
    <row r="31" spans="2:22" x14ac:dyDescent="0.15">
      <c r="B31" s="11"/>
      <c r="C31" s="12"/>
      <c r="D31" s="13"/>
      <c r="E31" s="12"/>
      <c r="F31" s="13"/>
      <c r="G31" s="12"/>
      <c r="H31" s="13"/>
      <c r="I31" s="12"/>
      <c r="J31" s="13"/>
      <c r="K31" s="12"/>
      <c r="L31" s="13"/>
      <c r="M31" s="12"/>
      <c r="N31" s="13"/>
      <c r="O31" s="12"/>
      <c r="P31" s="13"/>
    </row>
    <row r="32" spans="2:22" ht="20.25" customHeight="1" x14ac:dyDescent="0.15">
      <c r="B32" s="3"/>
      <c r="C32" s="4" t="s">
        <v>5</v>
      </c>
      <c r="D32" s="18" t="s">
        <v>2</v>
      </c>
      <c r="E32" s="4" t="s">
        <v>5</v>
      </c>
      <c r="F32" s="18" t="s">
        <v>2</v>
      </c>
      <c r="G32" s="4" t="s">
        <v>5</v>
      </c>
      <c r="H32" s="18" t="s">
        <v>2</v>
      </c>
      <c r="I32" s="4" t="s">
        <v>5</v>
      </c>
      <c r="J32" s="18" t="s">
        <v>2</v>
      </c>
      <c r="K32" s="4" t="s">
        <v>5</v>
      </c>
      <c r="L32" s="18" t="s">
        <v>2</v>
      </c>
      <c r="M32" s="4" t="s">
        <v>5</v>
      </c>
      <c r="N32" s="18" t="s">
        <v>2</v>
      </c>
      <c r="O32" s="4" t="s">
        <v>5</v>
      </c>
      <c r="P32" s="18" t="s">
        <v>2</v>
      </c>
    </row>
    <row r="33" spans="2:22" ht="18" customHeight="1" x14ac:dyDescent="0.15">
      <c r="B33" s="55" t="s">
        <v>0</v>
      </c>
      <c r="C33" s="41" t="s">
        <v>11</v>
      </c>
      <c r="D33" s="42"/>
      <c r="E33" s="41" t="s">
        <v>11</v>
      </c>
      <c r="F33" s="42"/>
      <c r="G33" s="41" t="s">
        <v>11</v>
      </c>
      <c r="H33" s="42"/>
      <c r="I33" s="41" t="s">
        <v>11</v>
      </c>
      <c r="J33" s="42"/>
      <c r="K33" s="41" t="s">
        <v>11</v>
      </c>
      <c r="L33" s="42"/>
      <c r="M33" s="41" t="s">
        <v>11</v>
      </c>
      <c r="N33" s="42"/>
      <c r="O33" s="41" t="s">
        <v>11</v>
      </c>
      <c r="P33" s="42"/>
      <c r="Q33" s="5"/>
      <c r="R33" s="5"/>
      <c r="S33" s="5"/>
      <c r="T33" s="5"/>
      <c r="U33" s="5"/>
      <c r="V33" s="5"/>
    </row>
    <row r="34" spans="2:22" ht="16.899999999999999" customHeight="1" x14ac:dyDescent="0.15">
      <c r="B34" s="56"/>
      <c r="C34" s="8" t="s">
        <v>9</v>
      </c>
      <c r="D34" s="6"/>
      <c r="E34" s="8" t="s">
        <v>9</v>
      </c>
      <c r="F34" s="6"/>
      <c r="G34" s="8" t="s">
        <v>9</v>
      </c>
      <c r="H34" s="6"/>
      <c r="I34" s="8" t="s">
        <v>9</v>
      </c>
      <c r="J34" s="6"/>
      <c r="K34" s="8" t="s">
        <v>9</v>
      </c>
      <c r="L34" s="6"/>
      <c r="M34" s="8" t="s">
        <v>9</v>
      </c>
      <c r="N34" s="6"/>
      <c r="O34" s="8" t="s">
        <v>9</v>
      </c>
      <c r="P34" s="6"/>
    </row>
    <row r="35" spans="2:22" ht="16.899999999999999" customHeight="1" x14ac:dyDescent="0.15">
      <c r="B35" s="56"/>
      <c r="C35" s="8" t="s">
        <v>10</v>
      </c>
      <c r="D35" s="6"/>
      <c r="E35" s="8" t="s">
        <v>10</v>
      </c>
      <c r="F35" s="6"/>
      <c r="G35" s="8" t="s">
        <v>10</v>
      </c>
      <c r="H35" s="6"/>
      <c r="I35" s="8" t="s">
        <v>10</v>
      </c>
      <c r="J35" s="6"/>
      <c r="K35" s="8" t="s">
        <v>10</v>
      </c>
      <c r="L35" s="6"/>
      <c r="M35" s="8" t="s">
        <v>10</v>
      </c>
      <c r="N35" s="6"/>
      <c r="O35" s="8" t="s">
        <v>10</v>
      </c>
      <c r="P35" s="6"/>
    </row>
    <row r="36" spans="2:22" ht="16.899999999999999" customHeight="1" x14ac:dyDescent="0.15">
      <c r="B36" s="56"/>
      <c r="C36" s="8" t="s">
        <v>4</v>
      </c>
      <c r="D36" s="6"/>
      <c r="E36" s="8" t="s">
        <v>4</v>
      </c>
      <c r="F36" s="6"/>
      <c r="G36" s="8" t="s">
        <v>4</v>
      </c>
      <c r="H36" s="6"/>
      <c r="I36" s="8" t="s">
        <v>4</v>
      </c>
      <c r="J36" s="6"/>
      <c r="K36" s="8" t="s">
        <v>4</v>
      </c>
      <c r="L36" s="6"/>
      <c r="M36" s="8" t="s">
        <v>4</v>
      </c>
      <c r="N36" s="6"/>
      <c r="O36" s="8" t="s">
        <v>4</v>
      </c>
      <c r="P36" s="6"/>
    </row>
    <row r="37" spans="2:22" ht="16.899999999999999" customHeight="1" x14ac:dyDescent="0.15">
      <c r="B37" s="56"/>
      <c r="C37" s="8" t="s">
        <v>3</v>
      </c>
      <c r="D37" s="6"/>
      <c r="E37" s="8" t="s">
        <v>3</v>
      </c>
      <c r="F37" s="6"/>
      <c r="G37" s="8" t="s">
        <v>3</v>
      </c>
      <c r="H37" s="6"/>
      <c r="I37" s="8" t="s">
        <v>3</v>
      </c>
      <c r="J37" s="6"/>
      <c r="K37" s="8" t="s">
        <v>3</v>
      </c>
      <c r="L37" s="6"/>
      <c r="M37" s="8" t="s">
        <v>3</v>
      </c>
      <c r="N37" s="6"/>
      <c r="O37" s="8" t="s">
        <v>3</v>
      </c>
      <c r="P37" s="6"/>
    </row>
    <row r="38" spans="2:22" ht="16.899999999999999" customHeight="1" x14ac:dyDescent="0.15">
      <c r="B38" s="56"/>
      <c r="C38" s="8" t="s">
        <v>12</v>
      </c>
      <c r="D38" s="6"/>
      <c r="E38" s="8" t="s">
        <v>12</v>
      </c>
      <c r="F38" s="6"/>
      <c r="G38" s="8" t="s">
        <v>12</v>
      </c>
      <c r="H38" s="6"/>
      <c r="I38" s="8" t="s">
        <v>12</v>
      </c>
      <c r="J38" s="6"/>
      <c r="K38" s="8" t="s">
        <v>12</v>
      </c>
      <c r="L38" s="6"/>
      <c r="M38" s="8" t="s">
        <v>12</v>
      </c>
      <c r="N38" s="6"/>
      <c r="O38" s="8" t="s">
        <v>12</v>
      </c>
      <c r="P38" s="6"/>
    </row>
    <row r="39" spans="2:22" ht="16.899999999999999" customHeight="1" x14ac:dyDescent="0.15">
      <c r="B39" s="56"/>
      <c r="C39" s="8" t="s">
        <v>13</v>
      </c>
      <c r="D39" s="6"/>
      <c r="E39" s="8" t="s">
        <v>13</v>
      </c>
      <c r="F39" s="6"/>
      <c r="G39" s="8" t="s">
        <v>13</v>
      </c>
      <c r="H39" s="6"/>
      <c r="I39" s="8" t="s">
        <v>13</v>
      </c>
      <c r="J39" s="6"/>
      <c r="K39" s="8" t="s">
        <v>13</v>
      </c>
      <c r="L39" s="6"/>
      <c r="M39" s="8" t="s">
        <v>13</v>
      </c>
      <c r="N39" s="6"/>
      <c r="O39" s="8" t="s">
        <v>13</v>
      </c>
      <c r="P39" s="6"/>
    </row>
    <row r="40" spans="2:22" ht="16.899999999999999" customHeight="1" x14ac:dyDescent="0.15">
      <c r="B40" s="56"/>
      <c r="C40" s="14" t="s">
        <v>7</v>
      </c>
      <c r="D40" s="15"/>
      <c r="E40" s="14" t="s">
        <v>7</v>
      </c>
      <c r="F40" s="15"/>
      <c r="G40" s="14" t="s">
        <v>7</v>
      </c>
      <c r="H40" s="15"/>
      <c r="I40" s="14" t="s">
        <v>7</v>
      </c>
      <c r="J40" s="15"/>
      <c r="K40" s="14" t="s">
        <v>7</v>
      </c>
      <c r="L40" s="15"/>
      <c r="M40" s="14" t="s">
        <v>7</v>
      </c>
      <c r="N40" s="15"/>
      <c r="O40" s="14" t="s">
        <v>7</v>
      </c>
      <c r="P40" s="15"/>
    </row>
    <row r="41" spans="2:22" ht="16.899999999999999" customHeight="1" x14ac:dyDescent="0.15">
      <c r="B41" s="56"/>
      <c r="C41" s="9" t="s">
        <v>19</v>
      </c>
      <c r="D41" s="7"/>
      <c r="E41" s="9" t="s">
        <v>19</v>
      </c>
      <c r="F41" s="7"/>
      <c r="G41" s="9" t="s">
        <v>19</v>
      </c>
      <c r="H41" s="7"/>
      <c r="I41" s="9" t="s">
        <v>19</v>
      </c>
      <c r="J41" s="7"/>
      <c r="K41" s="9" t="s">
        <v>19</v>
      </c>
      <c r="L41" s="7"/>
      <c r="M41" s="9" t="s">
        <v>19</v>
      </c>
      <c r="N41" s="7"/>
      <c r="O41" s="9" t="s">
        <v>19</v>
      </c>
      <c r="P41" s="7"/>
    </row>
    <row r="42" spans="2:22" ht="16.899999999999999" customHeight="1" x14ac:dyDescent="0.15">
      <c r="B42" s="56"/>
      <c r="C42" s="9" t="s">
        <v>8</v>
      </c>
      <c r="D42" s="7"/>
      <c r="E42" s="9" t="s">
        <v>8</v>
      </c>
      <c r="F42" s="7"/>
      <c r="G42" s="9" t="s">
        <v>8</v>
      </c>
      <c r="H42" s="7"/>
      <c r="I42" s="9" t="s">
        <v>8</v>
      </c>
      <c r="J42" s="7"/>
      <c r="K42" s="9" t="s">
        <v>8</v>
      </c>
      <c r="L42" s="7"/>
      <c r="M42" s="9" t="s">
        <v>8</v>
      </c>
      <c r="N42" s="7"/>
      <c r="O42" s="9" t="s">
        <v>8</v>
      </c>
      <c r="P42" s="7"/>
    </row>
    <row r="43" spans="2:22" ht="16.899999999999999" customHeight="1" x14ac:dyDescent="0.15">
      <c r="B43" s="57"/>
      <c r="C43" s="16" t="s">
        <v>6</v>
      </c>
      <c r="D43" s="17"/>
      <c r="E43" s="16" t="s">
        <v>6</v>
      </c>
      <c r="F43" s="17"/>
      <c r="G43" s="16" t="s">
        <v>6</v>
      </c>
      <c r="H43" s="17"/>
      <c r="I43" s="16" t="s">
        <v>6</v>
      </c>
      <c r="J43" s="17"/>
      <c r="K43" s="16" t="s">
        <v>6</v>
      </c>
      <c r="L43" s="17"/>
      <c r="M43" s="16" t="s">
        <v>6</v>
      </c>
      <c r="N43" s="17"/>
      <c r="O43" s="16" t="s">
        <v>6</v>
      </c>
      <c r="P43" s="17"/>
    </row>
    <row r="44" spans="2:22" ht="18" customHeight="1" x14ac:dyDescent="0.15">
      <c r="B44" s="55" t="s">
        <v>1</v>
      </c>
      <c r="C44" s="41" t="s">
        <v>11</v>
      </c>
      <c r="D44" s="42"/>
      <c r="E44" s="41" t="s">
        <v>11</v>
      </c>
      <c r="F44" s="42"/>
      <c r="G44" s="41" t="s">
        <v>11</v>
      </c>
      <c r="H44" s="42"/>
      <c r="I44" s="41" t="s">
        <v>11</v>
      </c>
      <c r="J44" s="42"/>
      <c r="K44" s="41" t="s">
        <v>11</v>
      </c>
      <c r="L44" s="42"/>
      <c r="M44" s="41" t="s">
        <v>11</v>
      </c>
      <c r="N44" s="42"/>
      <c r="O44" s="41" t="s">
        <v>11</v>
      </c>
      <c r="P44" s="42"/>
      <c r="Q44" s="5"/>
      <c r="R44" s="5"/>
      <c r="S44" s="5"/>
      <c r="T44" s="5"/>
      <c r="U44" s="5"/>
      <c r="V44" s="5"/>
    </row>
    <row r="45" spans="2:22" ht="16.899999999999999" customHeight="1" x14ac:dyDescent="0.15">
      <c r="B45" s="56"/>
      <c r="C45" s="8" t="s">
        <v>9</v>
      </c>
      <c r="D45" s="6"/>
      <c r="E45" s="8" t="s">
        <v>9</v>
      </c>
      <c r="F45" s="6"/>
      <c r="G45" s="8" t="s">
        <v>9</v>
      </c>
      <c r="H45" s="6"/>
      <c r="I45" s="8" t="s">
        <v>9</v>
      </c>
      <c r="J45" s="6"/>
      <c r="K45" s="8" t="s">
        <v>9</v>
      </c>
      <c r="L45" s="6"/>
      <c r="M45" s="8" t="s">
        <v>9</v>
      </c>
      <c r="N45" s="6"/>
      <c r="O45" s="8" t="s">
        <v>9</v>
      </c>
      <c r="P45" s="6"/>
    </row>
    <row r="46" spans="2:22" ht="16.899999999999999" customHeight="1" x14ac:dyDescent="0.15">
      <c r="B46" s="56"/>
      <c r="C46" s="8" t="s">
        <v>10</v>
      </c>
      <c r="D46" s="6"/>
      <c r="E46" s="8" t="s">
        <v>10</v>
      </c>
      <c r="F46" s="6"/>
      <c r="G46" s="8" t="s">
        <v>10</v>
      </c>
      <c r="H46" s="6"/>
      <c r="I46" s="8" t="s">
        <v>10</v>
      </c>
      <c r="J46" s="6"/>
      <c r="K46" s="8" t="s">
        <v>10</v>
      </c>
      <c r="L46" s="6"/>
      <c r="M46" s="8" t="s">
        <v>10</v>
      </c>
      <c r="N46" s="6"/>
      <c r="O46" s="8" t="s">
        <v>10</v>
      </c>
      <c r="P46" s="6"/>
    </row>
    <row r="47" spans="2:22" ht="16.899999999999999" customHeight="1" x14ac:dyDescent="0.15">
      <c r="B47" s="56"/>
      <c r="C47" s="8" t="s">
        <v>4</v>
      </c>
      <c r="D47" s="6"/>
      <c r="E47" s="8" t="s">
        <v>4</v>
      </c>
      <c r="F47" s="6"/>
      <c r="G47" s="8" t="s">
        <v>4</v>
      </c>
      <c r="H47" s="6"/>
      <c r="I47" s="8" t="s">
        <v>4</v>
      </c>
      <c r="J47" s="6"/>
      <c r="K47" s="8" t="s">
        <v>4</v>
      </c>
      <c r="L47" s="6"/>
      <c r="M47" s="8" t="s">
        <v>4</v>
      </c>
      <c r="N47" s="6"/>
      <c r="O47" s="8" t="s">
        <v>4</v>
      </c>
      <c r="P47" s="6"/>
    </row>
    <row r="48" spans="2:22" ht="16.899999999999999" customHeight="1" x14ac:dyDescent="0.15">
      <c r="B48" s="56"/>
      <c r="C48" s="8" t="s">
        <v>3</v>
      </c>
      <c r="D48" s="6"/>
      <c r="E48" s="8" t="s">
        <v>3</v>
      </c>
      <c r="F48" s="6"/>
      <c r="G48" s="8" t="s">
        <v>3</v>
      </c>
      <c r="H48" s="6"/>
      <c r="I48" s="8" t="s">
        <v>3</v>
      </c>
      <c r="J48" s="6"/>
      <c r="K48" s="8" t="s">
        <v>3</v>
      </c>
      <c r="L48" s="6"/>
      <c r="M48" s="8" t="s">
        <v>3</v>
      </c>
      <c r="N48" s="6"/>
      <c r="O48" s="8" t="s">
        <v>3</v>
      </c>
      <c r="P48" s="6"/>
    </row>
    <row r="49" spans="2:16" ht="16.899999999999999" customHeight="1" x14ac:dyDescent="0.15">
      <c r="B49" s="56"/>
      <c r="C49" s="8" t="s">
        <v>12</v>
      </c>
      <c r="D49" s="6"/>
      <c r="E49" s="8" t="s">
        <v>12</v>
      </c>
      <c r="F49" s="6"/>
      <c r="G49" s="8" t="s">
        <v>12</v>
      </c>
      <c r="H49" s="6"/>
      <c r="I49" s="8" t="s">
        <v>12</v>
      </c>
      <c r="J49" s="6"/>
      <c r="K49" s="8" t="s">
        <v>12</v>
      </c>
      <c r="L49" s="6"/>
      <c r="M49" s="8" t="s">
        <v>12</v>
      </c>
      <c r="N49" s="6"/>
      <c r="O49" s="8" t="s">
        <v>12</v>
      </c>
      <c r="P49" s="6"/>
    </row>
    <row r="50" spans="2:16" ht="16.899999999999999" customHeight="1" x14ac:dyDescent="0.15">
      <c r="B50" s="56"/>
      <c r="C50" s="8" t="s">
        <v>13</v>
      </c>
      <c r="D50" s="6"/>
      <c r="E50" s="8" t="s">
        <v>13</v>
      </c>
      <c r="F50" s="6"/>
      <c r="G50" s="8" t="s">
        <v>13</v>
      </c>
      <c r="H50" s="6"/>
      <c r="I50" s="8" t="s">
        <v>13</v>
      </c>
      <c r="J50" s="6"/>
      <c r="K50" s="8" t="s">
        <v>13</v>
      </c>
      <c r="L50" s="6"/>
      <c r="M50" s="8" t="s">
        <v>13</v>
      </c>
      <c r="N50" s="6"/>
      <c r="O50" s="8" t="s">
        <v>13</v>
      </c>
      <c r="P50" s="6"/>
    </row>
    <row r="51" spans="2:16" ht="16.899999999999999" customHeight="1" x14ac:dyDescent="0.15">
      <c r="B51" s="56"/>
      <c r="C51" s="14" t="s">
        <v>7</v>
      </c>
      <c r="D51" s="15"/>
      <c r="E51" s="14" t="s">
        <v>7</v>
      </c>
      <c r="F51" s="15"/>
      <c r="G51" s="14" t="s">
        <v>7</v>
      </c>
      <c r="H51" s="15"/>
      <c r="I51" s="14" t="s">
        <v>7</v>
      </c>
      <c r="J51" s="15"/>
      <c r="K51" s="14" t="s">
        <v>7</v>
      </c>
      <c r="L51" s="15"/>
      <c r="M51" s="14" t="s">
        <v>7</v>
      </c>
      <c r="N51" s="15"/>
      <c r="O51" s="14" t="s">
        <v>7</v>
      </c>
      <c r="P51" s="15"/>
    </row>
    <row r="52" spans="2:16" ht="16.899999999999999" customHeight="1" x14ac:dyDescent="0.15">
      <c r="B52" s="56"/>
      <c r="C52" s="9" t="s">
        <v>19</v>
      </c>
      <c r="D52" s="7"/>
      <c r="E52" s="9" t="s">
        <v>19</v>
      </c>
      <c r="F52" s="7"/>
      <c r="G52" s="9" t="s">
        <v>19</v>
      </c>
      <c r="H52" s="7"/>
      <c r="I52" s="9" t="s">
        <v>19</v>
      </c>
      <c r="J52" s="7"/>
      <c r="K52" s="9" t="s">
        <v>19</v>
      </c>
      <c r="L52" s="7"/>
      <c r="M52" s="9" t="s">
        <v>19</v>
      </c>
      <c r="N52" s="7"/>
      <c r="O52" s="9" t="s">
        <v>19</v>
      </c>
      <c r="P52" s="7"/>
    </row>
    <row r="53" spans="2:16" ht="16.899999999999999" customHeight="1" x14ac:dyDescent="0.15">
      <c r="B53" s="56"/>
      <c r="C53" s="9" t="s">
        <v>8</v>
      </c>
      <c r="D53" s="7"/>
      <c r="E53" s="9" t="s">
        <v>8</v>
      </c>
      <c r="F53" s="7"/>
      <c r="G53" s="9" t="s">
        <v>8</v>
      </c>
      <c r="H53" s="7"/>
      <c r="I53" s="9" t="s">
        <v>8</v>
      </c>
      <c r="J53" s="7"/>
      <c r="K53" s="9" t="s">
        <v>8</v>
      </c>
      <c r="L53" s="7"/>
      <c r="M53" s="9" t="s">
        <v>8</v>
      </c>
      <c r="N53" s="7"/>
      <c r="O53" s="9" t="s">
        <v>8</v>
      </c>
      <c r="P53" s="7"/>
    </row>
    <row r="54" spans="2:16" ht="16.899999999999999" customHeight="1" x14ac:dyDescent="0.15">
      <c r="B54" s="57"/>
      <c r="C54" s="16" t="s">
        <v>6</v>
      </c>
      <c r="D54" s="17"/>
      <c r="E54" s="16" t="s">
        <v>6</v>
      </c>
      <c r="F54" s="17"/>
      <c r="G54" s="16" t="s">
        <v>6</v>
      </c>
      <c r="H54" s="17"/>
      <c r="I54" s="16" t="s">
        <v>6</v>
      </c>
      <c r="J54" s="17"/>
      <c r="K54" s="16" t="s">
        <v>6</v>
      </c>
      <c r="L54" s="17"/>
      <c r="M54" s="16" t="s">
        <v>6</v>
      </c>
      <c r="N54" s="17"/>
      <c r="O54" s="16" t="s">
        <v>6</v>
      </c>
      <c r="P54" s="17"/>
    </row>
    <row r="55" spans="2:16" ht="9.6" customHeight="1" thickBot="1" x14ac:dyDescent="0.2">
      <c r="C55" s="22"/>
      <c r="I55" s="43"/>
      <c r="J55" s="43"/>
      <c r="K55" s="43"/>
      <c r="L55" s="43"/>
      <c r="M55" s="43"/>
      <c r="N55" s="43"/>
      <c r="O55" s="43"/>
      <c r="P55" s="43"/>
    </row>
    <row r="56" spans="2:16" x14ac:dyDescent="0.15">
      <c r="B56" s="44" t="s">
        <v>28</v>
      </c>
      <c r="C56" s="45"/>
      <c r="D56" s="45"/>
      <c r="E56" s="45"/>
      <c r="F56" s="45"/>
      <c r="G56" s="45"/>
      <c r="H56" s="45"/>
      <c r="I56" s="45"/>
      <c r="J56" s="45"/>
      <c r="K56" s="45"/>
      <c r="L56" s="45"/>
      <c r="M56" s="45"/>
      <c r="N56" s="45"/>
      <c r="O56" s="45"/>
      <c r="P56" s="46"/>
    </row>
    <row r="57" spans="2:16" ht="18" customHeight="1" x14ac:dyDescent="0.15">
      <c r="B57" s="47"/>
      <c r="C57" s="48"/>
      <c r="D57" s="48"/>
      <c r="E57" s="48"/>
      <c r="F57" s="48"/>
      <c r="G57" s="48"/>
      <c r="H57" s="48"/>
      <c r="I57" s="48"/>
      <c r="J57" s="48"/>
      <c r="K57" s="48"/>
      <c r="L57" s="48"/>
      <c r="M57" s="48"/>
      <c r="N57" s="48"/>
      <c r="O57" s="48"/>
      <c r="P57" s="49"/>
    </row>
    <row r="58" spans="2:16" ht="43.15" customHeight="1" x14ac:dyDescent="0.15">
      <c r="B58" s="25" t="s">
        <v>20</v>
      </c>
      <c r="C58" s="24"/>
      <c r="D58" s="23" t="s">
        <v>21</v>
      </c>
      <c r="E58" s="24"/>
      <c r="F58" s="50" t="s">
        <v>29</v>
      </c>
      <c r="G58" s="51"/>
      <c r="H58" s="51"/>
      <c r="I58" s="51"/>
      <c r="J58" s="51"/>
      <c r="K58" s="51"/>
      <c r="L58" s="51"/>
      <c r="M58" s="51"/>
      <c r="N58" s="51"/>
      <c r="O58" s="51"/>
      <c r="P58" s="52"/>
    </row>
    <row r="59" spans="2:16" x14ac:dyDescent="0.15">
      <c r="B59" s="25"/>
      <c r="C59" s="24"/>
      <c r="D59" s="23"/>
      <c r="E59" s="24"/>
      <c r="F59" s="53" t="s">
        <v>23</v>
      </c>
      <c r="G59" s="54"/>
      <c r="H59" s="54"/>
      <c r="I59" s="2"/>
      <c r="J59" s="2"/>
      <c r="K59" s="2"/>
      <c r="L59" s="2"/>
      <c r="M59" s="2"/>
      <c r="N59" s="2"/>
      <c r="O59" s="2"/>
      <c r="P59" s="26"/>
    </row>
    <row r="60" spans="2:16" x14ac:dyDescent="0.15">
      <c r="B60" s="25"/>
      <c r="C60" s="24"/>
      <c r="D60" s="23"/>
      <c r="E60" s="24"/>
      <c r="F60" s="53"/>
      <c r="G60" s="54"/>
      <c r="H60" s="54"/>
      <c r="I60" s="21"/>
      <c r="J60" s="21"/>
      <c r="K60" s="21"/>
      <c r="L60" s="21"/>
      <c r="M60" s="21"/>
      <c r="N60" s="21"/>
      <c r="O60" s="2"/>
      <c r="P60" s="26"/>
    </row>
    <row r="61" spans="2:16" x14ac:dyDescent="0.15">
      <c r="B61" s="25"/>
      <c r="C61" s="24"/>
      <c r="D61" s="23"/>
      <c r="E61" s="24"/>
      <c r="F61" s="33" t="s">
        <v>24</v>
      </c>
      <c r="G61" s="34"/>
      <c r="H61" s="34"/>
      <c r="I61" s="2"/>
      <c r="J61" s="2"/>
      <c r="K61" s="2"/>
      <c r="L61" s="2"/>
      <c r="M61" s="2"/>
      <c r="N61" s="2"/>
      <c r="O61" s="37"/>
      <c r="P61" s="38"/>
    </row>
    <row r="62" spans="2:16" ht="14.25" thickBot="1" x14ac:dyDescent="0.2">
      <c r="B62" s="27"/>
      <c r="C62" s="28"/>
      <c r="D62" s="29"/>
      <c r="E62" s="28"/>
      <c r="F62" s="35"/>
      <c r="G62" s="36"/>
      <c r="H62" s="36"/>
      <c r="I62" s="30"/>
      <c r="J62" s="30"/>
      <c r="K62" s="30"/>
      <c r="L62" s="31"/>
      <c r="M62" s="32" t="s">
        <v>18</v>
      </c>
      <c r="N62" s="31"/>
      <c r="O62" s="39"/>
      <c r="P62" s="40"/>
    </row>
  </sheetData>
  <mergeCells count="51">
    <mergeCell ref="B1:O1"/>
    <mergeCell ref="B3:O3"/>
    <mergeCell ref="B4:C4"/>
    <mergeCell ref="D4:O4"/>
    <mergeCell ref="B5:C5"/>
    <mergeCell ref="D5:H5"/>
    <mergeCell ref="I5:J5"/>
    <mergeCell ref="K5:O5"/>
    <mergeCell ref="B6:C6"/>
    <mergeCell ref="D6:O6"/>
    <mergeCell ref="B7:O7"/>
    <mergeCell ref="B9:B19"/>
    <mergeCell ref="C9:D9"/>
    <mergeCell ref="E9:F9"/>
    <mergeCell ref="G9:H9"/>
    <mergeCell ref="I9:J9"/>
    <mergeCell ref="K9:L9"/>
    <mergeCell ref="M9:N9"/>
    <mergeCell ref="O9:P9"/>
    <mergeCell ref="O20:P20"/>
    <mergeCell ref="B33:B43"/>
    <mergeCell ref="C33:D33"/>
    <mergeCell ref="E33:F33"/>
    <mergeCell ref="G33:H33"/>
    <mergeCell ref="I33:J33"/>
    <mergeCell ref="B20:B30"/>
    <mergeCell ref="C20:D20"/>
    <mergeCell ref="E20:F20"/>
    <mergeCell ref="G20:H20"/>
    <mergeCell ref="I20:J20"/>
    <mergeCell ref="E44:F44"/>
    <mergeCell ref="G44:H44"/>
    <mergeCell ref="I44:J44"/>
    <mergeCell ref="K20:L20"/>
    <mergeCell ref="M20:N20"/>
    <mergeCell ref="F61:H62"/>
    <mergeCell ref="O61:P61"/>
    <mergeCell ref="O62:P62"/>
    <mergeCell ref="M33:N33"/>
    <mergeCell ref="O33:P33"/>
    <mergeCell ref="K44:L44"/>
    <mergeCell ref="M44:N44"/>
    <mergeCell ref="O44:P44"/>
    <mergeCell ref="K33:L33"/>
    <mergeCell ref="I55:L55"/>
    <mergeCell ref="M55:P55"/>
    <mergeCell ref="B56:P57"/>
    <mergeCell ref="F58:P58"/>
    <mergeCell ref="F59:H60"/>
    <mergeCell ref="B44:B54"/>
    <mergeCell ref="C44:D44"/>
  </mergeCells>
  <phoneticPr fontId="1"/>
  <printOptions horizontalCentered="1" verticalCentered="1"/>
  <pageMargins left="0.23622047244094491" right="0.23622047244094491" top="7.874015748031496E-2" bottom="3.937007874015748E-2" header="0.11811023622047245" footer="0.11811023622047245"/>
  <pageSetup paperSize="9" scale="75" orientation="portrait" horizontalDpi="4294967293" r:id="rId1"/>
  <headerFooter>
    <oddFooter xml:space="preserve">&amp;R
&amp;9
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V53"/>
  <sheetViews>
    <sheetView showGridLines="0" zoomScaleNormal="100" workbookViewId="0">
      <selection activeCell="E9" sqref="E9"/>
    </sheetView>
  </sheetViews>
  <sheetFormatPr defaultColWidth="9" defaultRowHeight="13.5" x14ac:dyDescent="0.15"/>
  <cols>
    <col min="1" max="1" width="2.625" style="1" customWidth="1"/>
    <col min="2" max="2" width="4" style="1" customWidth="1"/>
    <col min="3" max="3" width="14.875" style="1" customWidth="1"/>
    <col min="4" max="4" width="3.375" style="1" customWidth="1"/>
    <col min="5" max="5" width="14.875" style="1" customWidth="1"/>
    <col min="6" max="6" width="3.375" style="1" customWidth="1"/>
    <col min="7" max="7" width="14.875" style="1" customWidth="1"/>
    <col min="8" max="8" width="3.375" style="1" customWidth="1"/>
    <col min="9" max="9" width="14.875" style="1" customWidth="1"/>
    <col min="10" max="10" width="3.375" style="1" customWidth="1"/>
    <col min="11" max="11" width="15.125" style="1" customWidth="1"/>
    <col min="12" max="12" width="3.375" style="1" customWidth="1"/>
    <col min="13" max="13" width="14.875" style="1" customWidth="1"/>
    <col min="14" max="14" width="3.375" style="1" customWidth="1"/>
    <col min="15" max="15" width="15.125" style="1" customWidth="1"/>
    <col min="16" max="16" width="3.375" style="1" customWidth="1"/>
    <col min="17" max="17" width="15.125" style="1" customWidth="1"/>
    <col min="18" max="18" width="15.5" style="1" customWidth="1"/>
    <col min="19" max="19" width="15.75" style="1" customWidth="1"/>
    <col min="20" max="16384" width="9" style="1"/>
  </cols>
  <sheetData>
    <row r="1" spans="2:22" s="2" customFormat="1" ht="29.45" customHeight="1" x14ac:dyDescent="0.15">
      <c r="B1" s="62"/>
      <c r="C1" s="62"/>
      <c r="D1" s="62"/>
      <c r="E1" s="62"/>
      <c r="F1" s="62"/>
      <c r="G1" s="62"/>
      <c r="H1" s="62"/>
      <c r="I1" s="62"/>
      <c r="J1" s="62"/>
      <c r="K1" s="62"/>
      <c r="L1" s="62"/>
      <c r="M1" s="62"/>
      <c r="N1" s="62"/>
      <c r="O1" s="62"/>
    </row>
    <row r="2" spans="2:22" s="2" customFormat="1" ht="9.6" customHeight="1" x14ac:dyDescent="0.15">
      <c r="C2" s="20"/>
      <c r="D2" s="20"/>
      <c r="E2" s="20"/>
      <c r="F2" s="20"/>
      <c r="G2" s="20"/>
      <c r="H2" s="20"/>
      <c r="P2" s="10"/>
    </row>
    <row r="3" spans="2:22" ht="25.15" customHeight="1" x14ac:dyDescent="0.15">
      <c r="B3" s="66" t="s">
        <v>15</v>
      </c>
      <c r="C3" s="66"/>
      <c r="D3" s="66"/>
      <c r="E3" s="66"/>
      <c r="F3" s="66"/>
      <c r="G3" s="66"/>
      <c r="H3" s="66"/>
      <c r="I3" s="59" t="s">
        <v>17</v>
      </c>
      <c r="J3" s="59"/>
      <c r="K3" s="66"/>
      <c r="L3" s="66"/>
      <c r="M3" s="66"/>
      <c r="N3" s="66"/>
      <c r="O3" s="66"/>
      <c r="P3" s="2"/>
      <c r="Q3" s="5"/>
      <c r="R3" s="5"/>
      <c r="S3" s="5"/>
      <c r="T3" s="5"/>
      <c r="U3" s="5"/>
      <c r="V3" s="5"/>
    </row>
    <row r="4" spans="2:22" s="2" customFormat="1" ht="25.15" customHeight="1" x14ac:dyDescent="0.15">
      <c r="B4" s="68"/>
      <c r="C4" s="68"/>
      <c r="D4" s="68"/>
      <c r="E4" s="68"/>
      <c r="F4" s="68"/>
      <c r="G4" s="68"/>
      <c r="H4" s="68"/>
      <c r="I4" s="68"/>
      <c r="J4" s="68"/>
      <c r="K4" s="68"/>
      <c r="L4" s="68"/>
      <c r="M4" s="68"/>
      <c r="N4" s="68"/>
      <c r="O4" s="68"/>
      <c r="P4" s="10"/>
    </row>
    <row r="5" spans="2:22" ht="22.9" customHeight="1" x14ac:dyDescent="0.15">
      <c r="B5" s="60" t="s">
        <v>25</v>
      </c>
      <c r="C5" s="60"/>
      <c r="D5" s="60"/>
      <c r="E5" s="60"/>
      <c r="F5" s="60"/>
      <c r="G5" s="60"/>
      <c r="H5" s="60"/>
      <c r="I5" s="60"/>
      <c r="J5" s="60"/>
      <c r="K5" s="60"/>
      <c r="L5" s="60"/>
      <c r="M5" s="60"/>
      <c r="N5" s="60"/>
      <c r="O5" s="60"/>
      <c r="P5" s="19"/>
      <c r="Q5" s="5"/>
      <c r="R5" s="5"/>
      <c r="S5" s="5"/>
      <c r="T5" s="5"/>
      <c r="U5" s="5"/>
      <c r="V5" s="5"/>
    </row>
    <row r="6" spans="2:22" ht="20.25" customHeight="1" x14ac:dyDescent="0.15">
      <c r="B6" s="3"/>
      <c r="C6" s="4" t="s">
        <v>5</v>
      </c>
      <c r="D6" s="18" t="s">
        <v>2</v>
      </c>
      <c r="E6" s="4" t="s">
        <v>5</v>
      </c>
      <c r="F6" s="18" t="s">
        <v>2</v>
      </c>
      <c r="G6" s="4" t="s">
        <v>5</v>
      </c>
      <c r="H6" s="18" t="s">
        <v>2</v>
      </c>
      <c r="I6" s="4" t="s">
        <v>5</v>
      </c>
      <c r="J6" s="18" t="s">
        <v>2</v>
      </c>
      <c r="K6" s="4" t="s">
        <v>5</v>
      </c>
      <c r="L6" s="18" t="s">
        <v>2</v>
      </c>
      <c r="M6" s="4" t="s">
        <v>5</v>
      </c>
      <c r="N6" s="18" t="s">
        <v>2</v>
      </c>
      <c r="O6" s="4" t="s">
        <v>5</v>
      </c>
      <c r="P6" s="18" t="s">
        <v>2</v>
      </c>
      <c r="Q6" s="5"/>
      <c r="R6" s="5"/>
      <c r="S6" s="5"/>
      <c r="T6" s="5"/>
      <c r="U6" s="5"/>
      <c r="V6" s="5"/>
    </row>
    <row r="7" spans="2:22" ht="18" customHeight="1" x14ac:dyDescent="0.15">
      <c r="B7" s="55" t="s">
        <v>0</v>
      </c>
      <c r="C7" s="41" t="s">
        <v>11</v>
      </c>
      <c r="D7" s="42"/>
      <c r="E7" s="41" t="s">
        <v>11</v>
      </c>
      <c r="F7" s="42"/>
      <c r="G7" s="41" t="s">
        <v>11</v>
      </c>
      <c r="H7" s="42"/>
      <c r="I7" s="41" t="s">
        <v>11</v>
      </c>
      <c r="J7" s="42"/>
      <c r="K7" s="41" t="s">
        <v>11</v>
      </c>
      <c r="L7" s="42"/>
      <c r="M7" s="41" t="s">
        <v>11</v>
      </c>
      <c r="N7" s="42"/>
      <c r="O7" s="41" t="s">
        <v>11</v>
      </c>
      <c r="P7" s="42"/>
      <c r="Q7" s="5"/>
      <c r="R7" s="5"/>
      <c r="S7" s="5"/>
      <c r="T7" s="5"/>
      <c r="U7" s="5"/>
      <c r="V7" s="5"/>
    </row>
    <row r="8" spans="2:22" ht="16.899999999999999" customHeight="1" x14ac:dyDescent="0.15">
      <c r="B8" s="56"/>
      <c r="C8" s="8" t="s">
        <v>9</v>
      </c>
      <c r="D8" s="6"/>
      <c r="E8" s="8" t="s">
        <v>9</v>
      </c>
      <c r="F8" s="6"/>
      <c r="G8" s="8" t="s">
        <v>9</v>
      </c>
      <c r="H8" s="6"/>
      <c r="I8" s="8" t="s">
        <v>9</v>
      </c>
      <c r="J8" s="6"/>
      <c r="K8" s="8" t="s">
        <v>9</v>
      </c>
      <c r="L8" s="6"/>
      <c r="M8" s="8" t="s">
        <v>9</v>
      </c>
      <c r="N8" s="6"/>
      <c r="O8" s="8" t="s">
        <v>9</v>
      </c>
      <c r="P8" s="6"/>
    </row>
    <row r="9" spans="2:22" ht="16.899999999999999" customHeight="1" x14ac:dyDescent="0.15">
      <c r="B9" s="56"/>
      <c r="C9" s="8" t="s">
        <v>10</v>
      </c>
      <c r="D9" s="6"/>
      <c r="E9" s="8" t="s">
        <v>10</v>
      </c>
      <c r="F9" s="6"/>
      <c r="G9" s="8" t="s">
        <v>10</v>
      </c>
      <c r="H9" s="6"/>
      <c r="I9" s="8" t="s">
        <v>10</v>
      </c>
      <c r="J9" s="6"/>
      <c r="K9" s="8" t="s">
        <v>10</v>
      </c>
      <c r="L9" s="6"/>
      <c r="M9" s="8" t="s">
        <v>10</v>
      </c>
      <c r="N9" s="6"/>
      <c r="O9" s="8" t="s">
        <v>10</v>
      </c>
      <c r="P9" s="6"/>
    </row>
    <row r="10" spans="2:22" ht="16.899999999999999" customHeight="1" x14ac:dyDescent="0.15">
      <c r="B10" s="56"/>
      <c r="C10" s="8" t="s">
        <v>4</v>
      </c>
      <c r="D10" s="6"/>
      <c r="E10" s="8" t="s">
        <v>4</v>
      </c>
      <c r="F10" s="6"/>
      <c r="G10" s="8" t="s">
        <v>4</v>
      </c>
      <c r="H10" s="6"/>
      <c r="I10" s="8" t="s">
        <v>4</v>
      </c>
      <c r="J10" s="6"/>
      <c r="K10" s="8" t="s">
        <v>4</v>
      </c>
      <c r="L10" s="6"/>
      <c r="M10" s="8" t="s">
        <v>4</v>
      </c>
      <c r="N10" s="6"/>
      <c r="O10" s="8" t="s">
        <v>4</v>
      </c>
      <c r="P10" s="6"/>
    </row>
    <row r="11" spans="2:22" ht="16.899999999999999" customHeight="1" x14ac:dyDescent="0.15">
      <c r="B11" s="56"/>
      <c r="C11" s="8" t="s">
        <v>3</v>
      </c>
      <c r="D11" s="6"/>
      <c r="E11" s="8" t="s">
        <v>3</v>
      </c>
      <c r="F11" s="6"/>
      <c r="G11" s="8" t="s">
        <v>3</v>
      </c>
      <c r="H11" s="6"/>
      <c r="I11" s="8" t="s">
        <v>3</v>
      </c>
      <c r="J11" s="6"/>
      <c r="K11" s="8" t="s">
        <v>3</v>
      </c>
      <c r="L11" s="6"/>
      <c r="M11" s="8" t="s">
        <v>3</v>
      </c>
      <c r="N11" s="6"/>
      <c r="O11" s="8" t="s">
        <v>3</v>
      </c>
      <c r="P11" s="6"/>
    </row>
    <row r="12" spans="2:22" ht="16.899999999999999" customHeight="1" x14ac:dyDescent="0.15">
      <c r="B12" s="56"/>
      <c r="C12" s="8" t="s">
        <v>12</v>
      </c>
      <c r="D12" s="6"/>
      <c r="E12" s="8" t="s">
        <v>12</v>
      </c>
      <c r="F12" s="6"/>
      <c r="G12" s="8" t="s">
        <v>12</v>
      </c>
      <c r="H12" s="6"/>
      <c r="I12" s="8" t="s">
        <v>12</v>
      </c>
      <c r="J12" s="6"/>
      <c r="K12" s="8" t="s">
        <v>12</v>
      </c>
      <c r="L12" s="6"/>
      <c r="M12" s="8" t="s">
        <v>12</v>
      </c>
      <c r="N12" s="6"/>
      <c r="O12" s="8" t="s">
        <v>12</v>
      </c>
      <c r="P12" s="6"/>
    </row>
    <row r="13" spans="2:22" ht="16.899999999999999" customHeight="1" x14ac:dyDescent="0.15">
      <c r="B13" s="56"/>
      <c r="C13" s="8" t="s">
        <v>13</v>
      </c>
      <c r="D13" s="6"/>
      <c r="E13" s="8" t="s">
        <v>13</v>
      </c>
      <c r="F13" s="6"/>
      <c r="G13" s="8" t="s">
        <v>13</v>
      </c>
      <c r="H13" s="6"/>
      <c r="I13" s="8" t="s">
        <v>13</v>
      </c>
      <c r="J13" s="6"/>
      <c r="K13" s="8" t="s">
        <v>13</v>
      </c>
      <c r="L13" s="6"/>
      <c r="M13" s="8" t="s">
        <v>13</v>
      </c>
      <c r="N13" s="6"/>
      <c r="O13" s="8" t="s">
        <v>13</v>
      </c>
      <c r="P13" s="6"/>
    </row>
    <row r="14" spans="2:22" ht="16.899999999999999" customHeight="1" x14ac:dyDescent="0.15">
      <c r="B14" s="56"/>
      <c r="C14" s="14" t="s">
        <v>7</v>
      </c>
      <c r="D14" s="15"/>
      <c r="E14" s="14" t="s">
        <v>7</v>
      </c>
      <c r="F14" s="15"/>
      <c r="G14" s="14" t="s">
        <v>7</v>
      </c>
      <c r="H14" s="15"/>
      <c r="I14" s="14" t="s">
        <v>7</v>
      </c>
      <c r="J14" s="15"/>
      <c r="K14" s="14" t="s">
        <v>7</v>
      </c>
      <c r="L14" s="15"/>
      <c r="M14" s="14" t="s">
        <v>7</v>
      </c>
      <c r="N14" s="15"/>
      <c r="O14" s="14" t="s">
        <v>7</v>
      </c>
      <c r="P14" s="15"/>
    </row>
    <row r="15" spans="2:22" ht="16.899999999999999" customHeight="1" x14ac:dyDescent="0.15">
      <c r="B15" s="56"/>
      <c r="C15" s="9" t="s">
        <v>19</v>
      </c>
      <c r="D15" s="7"/>
      <c r="E15" s="9" t="s">
        <v>19</v>
      </c>
      <c r="F15" s="7"/>
      <c r="G15" s="9" t="s">
        <v>19</v>
      </c>
      <c r="H15" s="7"/>
      <c r="I15" s="9" t="s">
        <v>19</v>
      </c>
      <c r="J15" s="7"/>
      <c r="K15" s="9" t="s">
        <v>19</v>
      </c>
      <c r="L15" s="7"/>
      <c r="M15" s="9" t="s">
        <v>19</v>
      </c>
      <c r="N15" s="7"/>
      <c r="O15" s="9" t="s">
        <v>19</v>
      </c>
      <c r="P15" s="7"/>
    </row>
    <row r="16" spans="2:22" ht="16.899999999999999" customHeight="1" x14ac:dyDescent="0.15">
      <c r="B16" s="56"/>
      <c r="C16" s="9" t="s">
        <v>8</v>
      </c>
      <c r="D16" s="7"/>
      <c r="E16" s="9" t="s">
        <v>8</v>
      </c>
      <c r="F16" s="7"/>
      <c r="G16" s="9" t="s">
        <v>8</v>
      </c>
      <c r="H16" s="7"/>
      <c r="I16" s="9" t="s">
        <v>8</v>
      </c>
      <c r="J16" s="7"/>
      <c r="K16" s="9" t="s">
        <v>8</v>
      </c>
      <c r="L16" s="7"/>
      <c r="M16" s="9" t="s">
        <v>8</v>
      </c>
      <c r="N16" s="7"/>
      <c r="O16" s="9" t="s">
        <v>8</v>
      </c>
      <c r="P16" s="7"/>
    </row>
    <row r="17" spans="2:22" ht="16.899999999999999" customHeight="1" x14ac:dyDescent="0.15">
      <c r="B17" s="57"/>
      <c r="C17" s="16" t="s">
        <v>6</v>
      </c>
      <c r="D17" s="17"/>
      <c r="E17" s="16" t="s">
        <v>6</v>
      </c>
      <c r="F17" s="17"/>
      <c r="G17" s="16" t="s">
        <v>6</v>
      </c>
      <c r="H17" s="17"/>
      <c r="I17" s="16" t="s">
        <v>6</v>
      </c>
      <c r="J17" s="17"/>
      <c r="K17" s="16" t="s">
        <v>6</v>
      </c>
      <c r="L17" s="17"/>
      <c r="M17" s="16" t="s">
        <v>6</v>
      </c>
      <c r="N17" s="17"/>
      <c r="O17" s="16" t="s">
        <v>6</v>
      </c>
      <c r="P17" s="17"/>
    </row>
    <row r="18" spans="2:22" ht="18" customHeight="1" x14ac:dyDescent="0.15">
      <c r="B18" s="55" t="s">
        <v>1</v>
      </c>
      <c r="C18" s="41" t="s">
        <v>11</v>
      </c>
      <c r="D18" s="42"/>
      <c r="E18" s="41" t="s">
        <v>11</v>
      </c>
      <c r="F18" s="42"/>
      <c r="G18" s="41" t="s">
        <v>11</v>
      </c>
      <c r="H18" s="42"/>
      <c r="I18" s="41" t="s">
        <v>11</v>
      </c>
      <c r="J18" s="42"/>
      <c r="K18" s="41" t="s">
        <v>11</v>
      </c>
      <c r="L18" s="42"/>
      <c r="M18" s="41" t="s">
        <v>11</v>
      </c>
      <c r="N18" s="42"/>
      <c r="O18" s="41" t="s">
        <v>11</v>
      </c>
      <c r="P18" s="42"/>
      <c r="Q18" s="5"/>
      <c r="R18" s="5"/>
      <c r="S18" s="5"/>
      <c r="T18" s="5"/>
      <c r="U18" s="5"/>
      <c r="V18" s="5"/>
    </row>
    <row r="19" spans="2:22" ht="16.899999999999999" customHeight="1" x14ac:dyDescent="0.15">
      <c r="B19" s="56"/>
      <c r="C19" s="8" t="s">
        <v>9</v>
      </c>
      <c r="D19" s="6"/>
      <c r="E19" s="8" t="s">
        <v>9</v>
      </c>
      <c r="F19" s="6"/>
      <c r="G19" s="8" t="s">
        <v>9</v>
      </c>
      <c r="H19" s="6"/>
      <c r="I19" s="8" t="s">
        <v>9</v>
      </c>
      <c r="J19" s="6"/>
      <c r="K19" s="8" t="s">
        <v>9</v>
      </c>
      <c r="L19" s="6"/>
      <c r="M19" s="8" t="s">
        <v>9</v>
      </c>
      <c r="N19" s="6"/>
      <c r="O19" s="8" t="s">
        <v>9</v>
      </c>
      <c r="P19" s="6"/>
    </row>
    <row r="20" spans="2:22" ht="16.899999999999999" customHeight="1" x14ac:dyDescent="0.15">
      <c r="B20" s="56"/>
      <c r="C20" s="8" t="s">
        <v>10</v>
      </c>
      <c r="D20" s="6"/>
      <c r="E20" s="8" t="s">
        <v>10</v>
      </c>
      <c r="F20" s="6"/>
      <c r="G20" s="8" t="s">
        <v>10</v>
      </c>
      <c r="H20" s="6"/>
      <c r="I20" s="8" t="s">
        <v>10</v>
      </c>
      <c r="J20" s="6"/>
      <c r="K20" s="8" t="s">
        <v>10</v>
      </c>
      <c r="L20" s="6"/>
      <c r="M20" s="8" t="s">
        <v>10</v>
      </c>
      <c r="N20" s="6"/>
      <c r="O20" s="8" t="s">
        <v>10</v>
      </c>
      <c r="P20" s="6"/>
    </row>
    <row r="21" spans="2:22" ht="16.899999999999999" customHeight="1" x14ac:dyDescent="0.15">
      <c r="B21" s="56"/>
      <c r="C21" s="8" t="s">
        <v>4</v>
      </c>
      <c r="D21" s="6"/>
      <c r="E21" s="8" t="s">
        <v>4</v>
      </c>
      <c r="F21" s="6"/>
      <c r="G21" s="8" t="s">
        <v>4</v>
      </c>
      <c r="H21" s="6"/>
      <c r="I21" s="8" t="s">
        <v>4</v>
      </c>
      <c r="J21" s="6"/>
      <c r="K21" s="8" t="s">
        <v>4</v>
      </c>
      <c r="L21" s="6"/>
      <c r="M21" s="8" t="s">
        <v>4</v>
      </c>
      <c r="N21" s="6"/>
      <c r="O21" s="8" t="s">
        <v>4</v>
      </c>
      <c r="P21" s="6"/>
    </row>
    <row r="22" spans="2:22" ht="16.899999999999999" customHeight="1" x14ac:dyDescent="0.15">
      <c r="B22" s="56"/>
      <c r="C22" s="8" t="s">
        <v>3</v>
      </c>
      <c r="D22" s="6"/>
      <c r="E22" s="8" t="s">
        <v>3</v>
      </c>
      <c r="F22" s="6"/>
      <c r="G22" s="8" t="s">
        <v>3</v>
      </c>
      <c r="H22" s="6"/>
      <c r="I22" s="8" t="s">
        <v>3</v>
      </c>
      <c r="J22" s="6"/>
      <c r="K22" s="8" t="s">
        <v>3</v>
      </c>
      <c r="L22" s="6"/>
      <c r="M22" s="8" t="s">
        <v>3</v>
      </c>
      <c r="N22" s="6"/>
      <c r="O22" s="8" t="s">
        <v>3</v>
      </c>
      <c r="P22" s="6"/>
    </row>
    <row r="23" spans="2:22" ht="16.899999999999999" customHeight="1" x14ac:dyDescent="0.15">
      <c r="B23" s="56"/>
      <c r="C23" s="8" t="s">
        <v>12</v>
      </c>
      <c r="D23" s="6"/>
      <c r="E23" s="8" t="s">
        <v>12</v>
      </c>
      <c r="F23" s="6"/>
      <c r="G23" s="8" t="s">
        <v>12</v>
      </c>
      <c r="H23" s="6"/>
      <c r="I23" s="8" t="s">
        <v>12</v>
      </c>
      <c r="J23" s="6"/>
      <c r="K23" s="8" t="s">
        <v>12</v>
      </c>
      <c r="L23" s="6"/>
      <c r="M23" s="8" t="s">
        <v>12</v>
      </c>
      <c r="N23" s="6"/>
      <c r="O23" s="8" t="s">
        <v>12</v>
      </c>
      <c r="P23" s="6"/>
    </row>
    <row r="24" spans="2:22" ht="16.899999999999999" customHeight="1" x14ac:dyDescent="0.15">
      <c r="B24" s="56"/>
      <c r="C24" s="8" t="s">
        <v>13</v>
      </c>
      <c r="D24" s="6"/>
      <c r="E24" s="8" t="s">
        <v>13</v>
      </c>
      <c r="F24" s="6"/>
      <c r="G24" s="8" t="s">
        <v>13</v>
      </c>
      <c r="H24" s="6"/>
      <c r="I24" s="8" t="s">
        <v>13</v>
      </c>
      <c r="J24" s="6"/>
      <c r="K24" s="8" t="s">
        <v>13</v>
      </c>
      <c r="L24" s="6"/>
      <c r="M24" s="8" t="s">
        <v>13</v>
      </c>
      <c r="N24" s="6"/>
      <c r="O24" s="8" t="s">
        <v>13</v>
      </c>
      <c r="P24" s="6"/>
    </row>
    <row r="25" spans="2:22" ht="16.899999999999999" customHeight="1" x14ac:dyDescent="0.15">
      <c r="B25" s="56"/>
      <c r="C25" s="14" t="s">
        <v>7</v>
      </c>
      <c r="D25" s="15"/>
      <c r="E25" s="14" t="s">
        <v>7</v>
      </c>
      <c r="F25" s="15"/>
      <c r="G25" s="14" t="s">
        <v>7</v>
      </c>
      <c r="H25" s="15"/>
      <c r="I25" s="14" t="s">
        <v>7</v>
      </c>
      <c r="J25" s="15"/>
      <c r="K25" s="14" t="s">
        <v>7</v>
      </c>
      <c r="L25" s="15"/>
      <c r="M25" s="14" t="s">
        <v>7</v>
      </c>
      <c r="N25" s="15"/>
      <c r="O25" s="14" t="s">
        <v>7</v>
      </c>
      <c r="P25" s="15"/>
    </row>
    <row r="26" spans="2:22" ht="16.899999999999999" customHeight="1" x14ac:dyDescent="0.15">
      <c r="B26" s="56"/>
      <c r="C26" s="9" t="s">
        <v>19</v>
      </c>
      <c r="D26" s="7"/>
      <c r="E26" s="9" t="s">
        <v>19</v>
      </c>
      <c r="F26" s="7"/>
      <c r="G26" s="9" t="s">
        <v>19</v>
      </c>
      <c r="H26" s="7"/>
      <c r="I26" s="9" t="s">
        <v>19</v>
      </c>
      <c r="J26" s="7"/>
      <c r="K26" s="9" t="s">
        <v>19</v>
      </c>
      <c r="L26" s="7"/>
      <c r="M26" s="9" t="s">
        <v>19</v>
      </c>
      <c r="N26" s="7"/>
      <c r="O26" s="9" t="s">
        <v>19</v>
      </c>
      <c r="P26" s="7"/>
    </row>
    <row r="27" spans="2:22" ht="16.899999999999999" customHeight="1" x14ac:dyDescent="0.15">
      <c r="B27" s="56"/>
      <c r="C27" s="9" t="s">
        <v>8</v>
      </c>
      <c r="D27" s="7"/>
      <c r="E27" s="9" t="s">
        <v>8</v>
      </c>
      <c r="F27" s="7"/>
      <c r="G27" s="9" t="s">
        <v>8</v>
      </c>
      <c r="H27" s="7"/>
      <c r="I27" s="9" t="s">
        <v>8</v>
      </c>
      <c r="J27" s="7"/>
      <c r="K27" s="9" t="s">
        <v>8</v>
      </c>
      <c r="L27" s="7"/>
      <c r="M27" s="9" t="s">
        <v>8</v>
      </c>
      <c r="N27" s="7"/>
      <c r="O27" s="9" t="s">
        <v>8</v>
      </c>
      <c r="P27" s="7"/>
    </row>
    <row r="28" spans="2:22" ht="16.899999999999999" customHeight="1" x14ac:dyDescent="0.15">
      <c r="B28" s="57"/>
      <c r="C28" s="16" t="s">
        <v>6</v>
      </c>
      <c r="D28" s="17"/>
      <c r="E28" s="16" t="s">
        <v>6</v>
      </c>
      <c r="F28" s="17"/>
      <c r="G28" s="16" t="s">
        <v>6</v>
      </c>
      <c r="H28" s="17"/>
      <c r="I28" s="16" t="s">
        <v>6</v>
      </c>
      <c r="J28" s="17"/>
      <c r="K28" s="16" t="s">
        <v>6</v>
      </c>
      <c r="L28" s="17"/>
      <c r="M28" s="16" t="s">
        <v>6</v>
      </c>
      <c r="N28" s="17"/>
      <c r="O28" s="16" t="s">
        <v>6</v>
      </c>
      <c r="P28" s="17"/>
    </row>
    <row r="29" spans="2:22" x14ac:dyDescent="0.15">
      <c r="B29" s="11"/>
      <c r="C29" s="12"/>
      <c r="D29" s="13"/>
      <c r="E29" s="12"/>
      <c r="F29" s="13"/>
      <c r="G29" s="12"/>
      <c r="H29" s="13"/>
      <c r="I29" s="12"/>
      <c r="J29" s="13"/>
      <c r="K29" s="12"/>
      <c r="L29" s="13"/>
      <c r="M29" s="12"/>
      <c r="N29" s="13"/>
      <c r="O29" s="12"/>
      <c r="P29" s="13"/>
    </row>
    <row r="30" spans="2:22" ht="20.25" customHeight="1" x14ac:dyDescent="0.15">
      <c r="B30" s="3"/>
      <c r="C30" s="4" t="s">
        <v>5</v>
      </c>
      <c r="D30" s="18" t="s">
        <v>2</v>
      </c>
      <c r="E30" s="4" t="s">
        <v>5</v>
      </c>
      <c r="F30" s="18" t="s">
        <v>2</v>
      </c>
      <c r="G30" s="4" t="s">
        <v>5</v>
      </c>
      <c r="H30" s="18" t="s">
        <v>2</v>
      </c>
      <c r="I30" s="4" t="s">
        <v>5</v>
      </c>
      <c r="J30" s="18" t="s">
        <v>2</v>
      </c>
      <c r="K30" s="4" t="s">
        <v>5</v>
      </c>
      <c r="L30" s="18" t="s">
        <v>2</v>
      </c>
      <c r="M30" s="4" t="s">
        <v>5</v>
      </c>
      <c r="N30" s="18" t="s">
        <v>2</v>
      </c>
      <c r="O30" s="4" t="s">
        <v>5</v>
      </c>
      <c r="P30" s="18" t="s">
        <v>2</v>
      </c>
    </row>
    <row r="31" spans="2:22" ht="18" customHeight="1" x14ac:dyDescent="0.15">
      <c r="B31" s="55" t="s">
        <v>0</v>
      </c>
      <c r="C31" s="41" t="s">
        <v>11</v>
      </c>
      <c r="D31" s="42"/>
      <c r="E31" s="41" t="s">
        <v>11</v>
      </c>
      <c r="F31" s="42"/>
      <c r="G31" s="41" t="s">
        <v>11</v>
      </c>
      <c r="H31" s="42"/>
      <c r="I31" s="41" t="s">
        <v>11</v>
      </c>
      <c r="J31" s="42"/>
      <c r="K31" s="41" t="s">
        <v>11</v>
      </c>
      <c r="L31" s="42"/>
      <c r="M31" s="41" t="s">
        <v>11</v>
      </c>
      <c r="N31" s="42"/>
      <c r="O31" s="41" t="s">
        <v>11</v>
      </c>
      <c r="P31" s="42"/>
      <c r="Q31" s="5"/>
      <c r="R31" s="5"/>
      <c r="S31" s="5"/>
      <c r="T31" s="5"/>
      <c r="U31" s="5"/>
      <c r="V31" s="5"/>
    </row>
    <row r="32" spans="2:22" ht="16.899999999999999" customHeight="1" x14ac:dyDescent="0.15">
      <c r="B32" s="56"/>
      <c r="C32" s="8" t="s">
        <v>9</v>
      </c>
      <c r="D32" s="6"/>
      <c r="E32" s="8" t="s">
        <v>9</v>
      </c>
      <c r="F32" s="6"/>
      <c r="G32" s="8" t="s">
        <v>9</v>
      </c>
      <c r="H32" s="6"/>
      <c r="I32" s="8" t="s">
        <v>9</v>
      </c>
      <c r="J32" s="6"/>
      <c r="K32" s="8" t="s">
        <v>9</v>
      </c>
      <c r="L32" s="6"/>
      <c r="M32" s="8" t="s">
        <v>9</v>
      </c>
      <c r="N32" s="6"/>
      <c r="O32" s="8" t="s">
        <v>9</v>
      </c>
      <c r="P32" s="6"/>
    </row>
    <row r="33" spans="2:22" ht="16.899999999999999" customHeight="1" x14ac:dyDescent="0.15">
      <c r="B33" s="56"/>
      <c r="C33" s="8" t="s">
        <v>10</v>
      </c>
      <c r="D33" s="6"/>
      <c r="E33" s="8" t="s">
        <v>10</v>
      </c>
      <c r="F33" s="6"/>
      <c r="G33" s="8" t="s">
        <v>10</v>
      </c>
      <c r="H33" s="6"/>
      <c r="I33" s="8" t="s">
        <v>10</v>
      </c>
      <c r="J33" s="6"/>
      <c r="K33" s="8" t="s">
        <v>10</v>
      </c>
      <c r="L33" s="6"/>
      <c r="M33" s="8" t="s">
        <v>10</v>
      </c>
      <c r="N33" s="6"/>
      <c r="O33" s="8" t="s">
        <v>10</v>
      </c>
      <c r="P33" s="6"/>
    </row>
    <row r="34" spans="2:22" ht="16.899999999999999" customHeight="1" x14ac:dyDescent="0.15">
      <c r="B34" s="56"/>
      <c r="C34" s="8" t="s">
        <v>4</v>
      </c>
      <c r="D34" s="6"/>
      <c r="E34" s="8" t="s">
        <v>4</v>
      </c>
      <c r="F34" s="6"/>
      <c r="G34" s="8" t="s">
        <v>4</v>
      </c>
      <c r="H34" s="6"/>
      <c r="I34" s="8" t="s">
        <v>4</v>
      </c>
      <c r="J34" s="6"/>
      <c r="K34" s="8" t="s">
        <v>4</v>
      </c>
      <c r="L34" s="6"/>
      <c r="M34" s="8" t="s">
        <v>4</v>
      </c>
      <c r="N34" s="6"/>
      <c r="O34" s="8" t="s">
        <v>4</v>
      </c>
      <c r="P34" s="6"/>
    </row>
    <row r="35" spans="2:22" ht="16.899999999999999" customHeight="1" x14ac:dyDescent="0.15">
      <c r="B35" s="56"/>
      <c r="C35" s="8" t="s">
        <v>3</v>
      </c>
      <c r="D35" s="6"/>
      <c r="E35" s="8" t="s">
        <v>3</v>
      </c>
      <c r="F35" s="6"/>
      <c r="G35" s="8" t="s">
        <v>3</v>
      </c>
      <c r="H35" s="6"/>
      <c r="I35" s="8" t="s">
        <v>3</v>
      </c>
      <c r="J35" s="6"/>
      <c r="K35" s="8" t="s">
        <v>3</v>
      </c>
      <c r="L35" s="6"/>
      <c r="M35" s="8" t="s">
        <v>3</v>
      </c>
      <c r="N35" s="6"/>
      <c r="O35" s="8" t="s">
        <v>3</v>
      </c>
      <c r="P35" s="6"/>
    </row>
    <row r="36" spans="2:22" ht="16.899999999999999" customHeight="1" x14ac:dyDescent="0.15">
      <c r="B36" s="56"/>
      <c r="C36" s="8" t="s">
        <v>12</v>
      </c>
      <c r="D36" s="6"/>
      <c r="E36" s="8" t="s">
        <v>12</v>
      </c>
      <c r="F36" s="6"/>
      <c r="G36" s="8" t="s">
        <v>12</v>
      </c>
      <c r="H36" s="6"/>
      <c r="I36" s="8" t="s">
        <v>12</v>
      </c>
      <c r="J36" s="6"/>
      <c r="K36" s="8" t="s">
        <v>12</v>
      </c>
      <c r="L36" s="6"/>
      <c r="M36" s="8" t="s">
        <v>12</v>
      </c>
      <c r="N36" s="6"/>
      <c r="O36" s="8" t="s">
        <v>12</v>
      </c>
      <c r="P36" s="6"/>
    </row>
    <row r="37" spans="2:22" ht="16.899999999999999" customHeight="1" x14ac:dyDescent="0.15">
      <c r="B37" s="56"/>
      <c r="C37" s="8" t="s">
        <v>13</v>
      </c>
      <c r="D37" s="6"/>
      <c r="E37" s="8" t="s">
        <v>13</v>
      </c>
      <c r="F37" s="6"/>
      <c r="G37" s="8" t="s">
        <v>13</v>
      </c>
      <c r="H37" s="6"/>
      <c r="I37" s="8" t="s">
        <v>13</v>
      </c>
      <c r="J37" s="6"/>
      <c r="K37" s="8" t="s">
        <v>13</v>
      </c>
      <c r="L37" s="6"/>
      <c r="M37" s="8" t="s">
        <v>13</v>
      </c>
      <c r="N37" s="6"/>
      <c r="O37" s="8" t="s">
        <v>13</v>
      </c>
      <c r="P37" s="6"/>
    </row>
    <row r="38" spans="2:22" ht="16.899999999999999" customHeight="1" x14ac:dyDescent="0.15">
      <c r="B38" s="56"/>
      <c r="C38" s="14" t="s">
        <v>7</v>
      </c>
      <c r="D38" s="15"/>
      <c r="E38" s="14" t="s">
        <v>7</v>
      </c>
      <c r="F38" s="15"/>
      <c r="G38" s="14" t="s">
        <v>7</v>
      </c>
      <c r="H38" s="15"/>
      <c r="I38" s="14" t="s">
        <v>7</v>
      </c>
      <c r="J38" s="15"/>
      <c r="K38" s="14" t="s">
        <v>7</v>
      </c>
      <c r="L38" s="15"/>
      <c r="M38" s="14" t="s">
        <v>7</v>
      </c>
      <c r="N38" s="15"/>
      <c r="O38" s="14" t="s">
        <v>7</v>
      </c>
      <c r="P38" s="15"/>
    </row>
    <row r="39" spans="2:22" ht="16.899999999999999" customHeight="1" x14ac:dyDescent="0.15">
      <c r="B39" s="56"/>
      <c r="C39" s="9" t="s">
        <v>19</v>
      </c>
      <c r="D39" s="7"/>
      <c r="E39" s="9" t="s">
        <v>19</v>
      </c>
      <c r="F39" s="7"/>
      <c r="G39" s="9" t="s">
        <v>19</v>
      </c>
      <c r="H39" s="7"/>
      <c r="I39" s="9" t="s">
        <v>19</v>
      </c>
      <c r="J39" s="7"/>
      <c r="K39" s="9" t="s">
        <v>19</v>
      </c>
      <c r="L39" s="7"/>
      <c r="M39" s="9" t="s">
        <v>19</v>
      </c>
      <c r="N39" s="7"/>
      <c r="O39" s="9" t="s">
        <v>19</v>
      </c>
      <c r="P39" s="7"/>
    </row>
    <row r="40" spans="2:22" ht="16.899999999999999" customHeight="1" x14ac:dyDescent="0.15">
      <c r="B40" s="56"/>
      <c r="C40" s="9" t="s">
        <v>8</v>
      </c>
      <c r="D40" s="7"/>
      <c r="E40" s="9" t="s">
        <v>8</v>
      </c>
      <c r="F40" s="7"/>
      <c r="G40" s="9" t="s">
        <v>8</v>
      </c>
      <c r="H40" s="7"/>
      <c r="I40" s="9" t="s">
        <v>8</v>
      </c>
      <c r="J40" s="7"/>
      <c r="K40" s="9" t="s">
        <v>8</v>
      </c>
      <c r="L40" s="7"/>
      <c r="M40" s="9" t="s">
        <v>8</v>
      </c>
      <c r="N40" s="7"/>
      <c r="O40" s="9" t="s">
        <v>8</v>
      </c>
      <c r="P40" s="7"/>
    </row>
    <row r="41" spans="2:22" ht="16.899999999999999" customHeight="1" x14ac:dyDescent="0.15">
      <c r="B41" s="57"/>
      <c r="C41" s="16" t="s">
        <v>6</v>
      </c>
      <c r="D41" s="17"/>
      <c r="E41" s="16" t="s">
        <v>6</v>
      </c>
      <c r="F41" s="17"/>
      <c r="G41" s="16" t="s">
        <v>6</v>
      </c>
      <c r="H41" s="17"/>
      <c r="I41" s="16" t="s">
        <v>6</v>
      </c>
      <c r="J41" s="17"/>
      <c r="K41" s="16" t="s">
        <v>6</v>
      </c>
      <c r="L41" s="17"/>
      <c r="M41" s="16" t="s">
        <v>6</v>
      </c>
      <c r="N41" s="17"/>
      <c r="O41" s="16" t="s">
        <v>6</v>
      </c>
      <c r="P41" s="17"/>
    </row>
    <row r="42" spans="2:22" ht="18" customHeight="1" x14ac:dyDescent="0.15">
      <c r="B42" s="55" t="s">
        <v>1</v>
      </c>
      <c r="C42" s="41" t="s">
        <v>11</v>
      </c>
      <c r="D42" s="42"/>
      <c r="E42" s="41" t="s">
        <v>11</v>
      </c>
      <c r="F42" s="42"/>
      <c r="G42" s="41" t="s">
        <v>11</v>
      </c>
      <c r="H42" s="42"/>
      <c r="I42" s="41" t="s">
        <v>11</v>
      </c>
      <c r="J42" s="42"/>
      <c r="K42" s="41" t="s">
        <v>11</v>
      </c>
      <c r="L42" s="42"/>
      <c r="M42" s="41" t="s">
        <v>11</v>
      </c>
      <c r="N42" s="42"/>
      <c r="O42" s="41" t="s">
        <v>11</v>
      </c>
      <c r="P42" s="42"/>
      <c r="Q42" s="5"/>
      <c r="R42" s="5"/>
      <c r="S42" s="5"/>
      <c r="T42" s="5"/>
      <c r="U42" s="5"/>
      <c r="V42" s="5"/>
    </row>
    <row r="43" spans="2:22" ht="16.899999999999999" customHeight="1" x14ac:dyDescent="0.15">
      <c r="B43" s="56"/>
      <c r="C43" s="8" t="s">
        <v>9</v>
      </c>
      <c r="D43" s="6"/>
      <c r="E43" s="8" t="s">
        <v>9</v>
      </c>
      <c r="F43" s="6"/>
      <c r="G43" s="8" t="s">
        <v>9</v>
      </c>
      <c r="H43" s="6"/>
      <c r="I43" s="8" t="s">
        <v>9</v>
      </c>
      <c r="J43" s="6"/>
      <c r="K43" s="8" t="s">
        <v>9</v>
      </c>
      <c r="L43" s="6"/>
      <c r="M43" s="8" t="s">
        <v>9</v>
      </c>
      <c r="N43" s="6"/>
      <c r="O43" s="8" t="s">
        <v>9</v>
      </c>
      <c r="P43" s="6"/>
    </row>
    <row r="44" spans="2:22" ht="16.899999999999999" customHeight="1" x14ac:dyDescent="0.15">
      <c r="B44" s="56"/>
      <c r="C44" s="8" t="s">
        <v>10</v>
      </c>
      <c r="D44" s="6"/>
      <c r="E44" s="8" t="s">
        <v>10</v>
      </c>
      <c r="F44" s="6"/>
      <c r="G44" s="8" t="s">
        <v>10</v>
      </c>
      <c r="H44" s="6"/>
      <c r="I44" s="8" t="s">
        <v>10</v>
      </c>
      <c r="J44" s="6"/>
      <c r="K44" s="8" t="s">
        <v>10</v>
      </c>
      <c r="L44" s="6"/>
      <c r="M44" s="8" t="s">
        <v>10</v>
      </c>
      <c r="N44" s="6"/>
      <c r="O44" s="8" t="s">
        <v>10</v>
      </c>
      <c r="P44" s="6"/>
    </row>
    <row r="45" spans="2:22" ht="16.899999999999999" customHeight="1" x14ac:dyDescent="0.15">
      <c r="B45" s="56"/>
      <c r="C45" s="8" t="s">
        <v>4</v>
      </c>
      <c r="D45" s="6"/>
      <c r="E45" s="8" t="s">
        <v>4</v>
      </c>
      <c r="F45" s="6"/>
      <c r="G45" s="8" t="s">
        <v>4</v>
      </c>
      <c r="H45" s="6"/>
      <c r="I45" s="8" t="s">
        <v>4</v>
      </c>
      <c r="J45" s="6"/>
      <c r="K45" s="8" t="s">
        <v>4</v>
      </c>
      <c r="L45" s="6"/>
      <c r="M45" s="8" t="s">
        <v>4</v>
      </c>
      <c r="N45" s="6"/>
      <c r="O45" s="8" t="s">
        <v>4</v>
      </c>
      <c r="P45" s="6"/>
    </row>
    <row r="46" spans="2:22" ht="16.899999999999999" customHeight="1" x14ac:dyDescent="0.15">
      <c r="B46" s="56"/>
      <c r="C46" s="8" t="s">
        <v>3</v>
      </c>
      <c r="D46" s="6"/>
      <c r="E46" s="8" t="s">
        <v>3</v>
      </c>
      <c r="F46" s="6"/>
      <c r="G46" s="8" t="s">
        <v>3</v>
      </c>
      <c r="H46" s="6"/>
      <c r="I46" s="8" t="s">
        <v>3</v>
      </c>
      <c r="J46" s="6"/>
      <c r="K46" s="8" t="s">
        <v>3</v>
      </c>
      <c r="L46" s="6"/>
      <c r="M46" s="8" t="s">
        <v>3</v>
      </c>
      <c r="N46" s="6"/>
      <c r="O46" s="8" t="s">
        <v>3</v>
      </c>
      <c r="P46" s="6"/>
    </row>
    <row r="47" spans="2:22" ht="16.899999999999999" customHeight="1" x14ac:dyDescent="0.15">
      <c r="B47" s="56"/>
      <c r="C47" s="8" t="s">
        <v>12</v>
      </c>
      <c r="D47" s="6"/>
      <c r="E47" s="8" t="s">
        <v>12</v>
      </c>
      <c r="F47" s="6"/>
      <c r="G47" s="8" t="s">
        <v>12</v>
      </c>
      <c r="H47" s="6"/>
      <c r="I47" s="8" t="s">
        <v>12</v>
      </c>
      <c r="J47" s="6"/>
      <c r="K47" s="8" t="s">
        <v>12</v>
      </c>
      <c r="L47" s="6"/>
      <c r="M47" s="8" t="s">
        <v>12</v>
      </c>
      <c r="N47" s="6"/>
      <c r="O47" s="8" t="s">
        <v>12</v>
      </c>
      <c r="P47" s="6"/>
    </row>
    <row r="48" spans="2:22" ht="16.899999999999999" customHeight="1" x14ac:dyDescent="0.15">
      <c r="B48" s="56"/>
      <c r="C48" s="8" t="s">
        <v>13</v>
      </c>
      <c r="D48" s="6"/>
      <c r="E48" s="8" t="s">
        <v>13</v>
      </c>
      <c r="F48" s="6"/>
      <c r="G48" s="8" t="s">
        <v>13</v>
      </c>
      <c r="H48" s="6"/>
      <c r="I48" s="8" t="s">
        <v>13</v>
      </c>
      <c r="J48" s="6"/>
      <c r="K48" s="8" t="s">
        <v>13</v>
      </c>
      <c r="L48" s="6"/>
      <c r="M48" s="8" t="s">
        <v>13</v>
      </c>
      <c r="N48" s="6"/>
      <c r="O48" s="8" t="s">
        <v>13</v>
      </c>
      <c r="P48" s="6"/>
    </row>
    <row r="49" spans="2:16" ht="16.899999999999999" customHeight="1" x14ac:dyDescent="0.15">
      <c r="B49" s="56"/>
      <c r="C49" s="14" t="s">
        <v>7</v>
      </c>
      <c r="D49" s="15"/>
      <c r="E49" s="14" t="s">
        <v>7</v>
      </c>
      <c r="F49" s="15"/>
      <c r="G49" s="14" t="s">
        <v>7</v>
      </c>
      <c r="H49" s="15"/>
      <c r="I49" s="14" t="s">
        <v>7</v>
      </c>
      <c r="J49" s="15"/>
      <c r="K49" s="14" t="s">
        <v>7</v>
      </c>
      <c r="L49" s="15"/>
      <c r="M49" s="14" t="s">
        <v>7</v>
      </c>
      <c r="N49" s="15"/>
      <c r="O49" s="14" t="s">
        <v>7</v>
      </c>
      <c r="P49" s="15"/>
    </row>
    <row r="50" spans="2:16" ht="16.899999999999999" customHeight="1" x14ac:dyDescent="0.15">
      <c r="B50" s="56"/>
      <c r="C50" s="9" t="s">
        <v>19</v>
      </c>
      <c r="D50" s="7"/>
      <c r="E50" s="9" t="s">
        <v>19</v>
      </c>
      <c r="F50" s="7"/>
      <c r="G50" s="9" t="s">
        <v>19</v>
      </c>
      <c r="H50" s="7"/>
      <c r="I50" s="9" t="s">
        <v>19</v>
      </c>
      <c r="J50" s="7"/>
      <c r="K50" s="9" t="s">
        <v>19</v>
      </c>
      <c r="L50" s="7"/>
      <c r="M50" s="9" t="s">
        <v>19</v>
      </c>
      <c r="N50" s="7"/>
      <c r="O50" s="9" t="s">
        <v>19</v>
      </c>
      <c r="P50" s="7"/>
    </row>
    <row r="51" spans="2:16" ht="16.899999999999999" customHeight="1" x14ac:dyDescent="0.15">
      <c r="B51" s="56"/>
      <c r="C51" s="9" t="s">
        <v>8</v>
      </c>
      <c r="D51" s="7"/>
      <c r="E51" s="9" t="s">
        <v>8</v>
      </c>
      <c r="F51" s="7"/>
      <c r="G51" s="9" t="s">
        <v>8</v>
      </c>
      <c r="H51" s="7"/>
      <c r="I51" s="9" t="s">
        <v>8</v>
      </c>
      <c r="J51" s="7"/>
      <c r="K51" s="9" t="s">
        <v>8</v>
      </c>
      <c r="L51" s="7"/>
      <c r="M51" s="9" t="s">
        <v>8</v>
      </c>
      <c r="N51" s="7"/>
      <c r="O51" s="9" t="s">
        <v>8</v>
      </c>
      <c r="P51" s="7"/>
    </row>
    <row r="52" spans="2:16" ht="16.899999999999999" customHeight="1" x14ac:dyDescent="0.15">
      <c r="B52" s="57"/>
      <c r="C52" s="16" t="s">
        <v>6</v>
      </c>
      <c r="D52" s="17"/>
      <c r="E52" s="16" t="s">
        <v>6</v>
      </c>
      <c r="F52" s="17"/>
      <c r="G52" s="16" t="s">
        <v>6</v>
      </c>
      <c r="H52" s="17"/>
      <c r="I52" s="16" t="s">
        <v>6</v>
      </c>
      <c r="J52" s="17"/>
      <c r="K52" s="16" t="s">
        <v>6</v>
      </c>
      <c r="L52" s="17"/>
      <c r="M52" s="16" t="s">
        <v>6</v>
      </c>
      <c r="N52" s="17"/>
      <c r="O52" s="16" t="s">
        <v>6</v>
      </c>
      <c r="P52" s="17"/>
    </row>
    <row r="53" spans="2:16" ht="9.6" customHeight="1" x14ac:dyDescent="0.15">
      <c r="C53" s="22"/>
      <c r="I53" s="43"/>
      <c r="J53" s="43"/>
      <c r="K53" s="43"/>
      <c r="L53" s="43"/>
      <c r="M53" s="43"/>
      <c r="N53" s="43"/>
      <c r="O53" s="43"/>
      <c r="P53" s="43"/>
    </row>
  </sheetData>
  <mergeCells count="41">
    <mergeCell ref="B5:O5"/>
    <mergeCell ref="K7:L7"/>
    <mergeCell ref="M7:N7"/>
    <mergeCell ref="O7:P7"/>
    <mergeCell ref="B1:O1"/>
    <mergeCell ref="B4:O4"/>
    <mergeCell ref="B3:C3"/>
    <mergeCell ref="D3:H3"/>
    <mergeCell ref="I3:J3"/>
    <mergeCell ref="K3:O3"/>
    <mergeCell ref="B7:B17"/>
    <mergeCell ref="C7:D7"/>
    <mergeCell ref="E7:F7"/>
    <mergeCell ref="G7:H7"/>
    <mergeCell ref="I7:J7"/>
    <mergeCell ref="O18:P18"/>
    <mergeCell ref="B31:B41"/>
    <mergeCell ref="C31:D31"/>
    <mergeCell ref="E31:F31"/>
    <mergeCell ref="G31:H31"/>
    <mergeCell ref="I31:J31"/>
    <mergeCell ref="K18:L18"/>
    <mergeCell ref="M18:N18"/>
    <mergeCell ref="B18:B28"/>
    <mergeCell ref="C18:D18"/>
    <mergeCell ref="E18:F18"/>
    <mergeCell ref="G18:H18"/>
    <mergeCell ref="I18:J18"/>
    <mergeCell ref="I53:L53"/>
    <mergeCell ref="M53:P53"/>
    <mergeCell ref="K31:L31"/>
    <mergeCell ref="M31:N31"/>
    <mergeCell ref="O31:P31"/>
    <mergeCell ref="M42:N42"/>
    <mergeCell ref="O42:P42"/>
    <mergeCell ref="K42:L42"/>
    <mergeCell ref="B42:B52"/>
    <mergeCell ref="C42:D42"/>
    <mergeCell ref="E42:F42"/>
    <mergeCell ref="G42:H42"/>
    <mergeCell ref="I42:J42"/>
  </mergeCells>
  <phoneticPr fontId="1"/>
  <printOptions horizontalCentered="1" verticalCentered="1"/>
  <pageMargins left="0.23622047244094491" right="0.23622047244094491" top="7.874015748031496E-2" bottom="3.937007874015748E-2" header="0.11811023622047245" footer="0.11811023622047245"/>
  <pageSetup paperSize="9" scale="75" orientation="portrait" horizontalDpi="4294967293" r:id="rId1"/>
  <headerFooter>
    <oddFooter xml:space="preserve">&amp;R
&amp;9
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1ページ</vt:lpstr>
      <vt:lpstr>2ページ以降はこの表をコピー</vt:lpstr>
      <vt:lpstr>'1ページ'!Print_Area</vt:lpstr>
      <vt:lpstr>'2ページ以降はこの表をコピー'!Print_Area</vt:lpstr>
    </vt:vector>
  </TitlesOfParts>
  <Company>獨協大学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センター</dc:creator>
  <cp:lastModifiedBy>s00482</cp:lastModifiedBy>
  <cp:lastPrinted>2020-03-11T01:19:45Z</cp:lastPrinted>
  <dcterms:created xsi:type="dcterms:W3CDTF">2009-05-13T01:25:18Z</dcterms:created>
  <dcterms:modified xsi:type="dcterms:W3CDTF">2020-03-11T04:24:59Z</dcterms:modified>
</cp:coreProperties>
</file>